
<file path=[Content_Types].xml><?xml version="1.0" encoding="utf-8"?>
<Types xmlns="http://schemas.openxmlformats.org/package/2006/content-types">
  <Default Extension="fntdata" ContentType="application/x-fontdata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3"/>
  </p:sldMasterIdLst>
  <p:notesMasterIdLst>
    <p:notesMasterId r:id="rId24"/>
  </p:notesMasterIdLst>
  <p:handoutMasterIdLst>
    <p:handoutMasterId r:id="rId25"/>
  </p:handoutMasterIdLst>
  <p:sldIdLst>
    <p:sldId id="271" r:id="rId4"/>
    <p:sldId id="282" r:id="rId5"/>
    <p:sldId id="278" r:id="rId6"/>
    <p:sldId id="285" r:id="rId7"/>
    <p:sldId id="283" r:id="rId8"/>
    <p:sldId id="279" r:id="rId9"/>
    <p:sldId id="284" r:id="rId10"/>
    <p:sldId id="286" r:id="rId11"/>
    <p:sldId id="287" r:id="rId12"/>
    <p:sldId id="293" r:id="rId13"/>
    <p:sldId id="294" r:id="rId14"/>
    <p:sldId id="295" r:id="rId15"/>
    <p:sldId id="281" r:id="rId16"/>
    <p:sldId id="288" r:id="rId17"/>
    <p:sldId id="289" r:id="rId18"/>
    <p:sldId id="290" r:id="rId19"/>
    <p:sldId id="277" r:id="rId20"/>
    <p:sldId id="272" r:id="rId21"/>
    <p:sldId id="269" r:id="rId22"/>
    <p:sldId id="270" r:id="rId23"/>
  </p:sldIdLst>
  <p:sldSz cx="12192000" cy="6858000"/>
  <p:notesSz cx="6858000" cy="9144000"/>
  <p:embeddedFontLst>
    <p:embeddedFont>
      <p:font typeface="Cambria Math" panose="02040503050406030204" pitchFamily="18" charset="0"/>
      <p:regular r:id="rId26"/>
    </p:embeddedFont>
    <p:embeddedFont>
      <p:font typeface="Nationalbank" panose="020B0604020202020204" charset="0"/>
      <p:regular r:id="rId27"/>
      <p:bold r:id="rId28"/>
      <p:italic r:id="rId29"/>
      <p:boldItalic r:id="rId30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701" autoAdjust="0"/>
  </p:normalViewPr>
  <p:slideViewPr>
    <p:cSldViewPr snapToGrid="0" showGuides="1">
      <p:cViewPr varScale="1">
        <p:scale>
          <a:sx n="78" d="100"/>
          <a:sy n="78" d="100"/>
        </p:scale>
        <p:origin x="878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7" d="100"/>
          <a:sy n="87" d="100"/>
        </p:scale>
        <p:origin x="3252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openxmlformats.org/officeDocument/2006/relationships/font" Target="fonts/font1.fntdata"/><Relationship Id="rId3" Type="http://schemas.openxmlformats.org/officeDocument/2006/relationships/slideMaster" Target="slideMasters/slideMaster1.xml"/><Relationship Id="rId21" Type="http://schemas.openxmlformats.org/officeDocument/2006/relationships/slide" Target="slides/slide18.xml"/><Relationship Id="rId34" Type="http://schemas.openxmlformats.org/officeDocument/2006/relationships/tableStyles" Target="tableStyles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handoutMaster" Target="handoutMasters/handoutMaster1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29" Type="http://schemas.openxmlformats.org/officeDocument/2006/relationships/font" Target="fonts/font4.fntdata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notesMaster" Target="notesMasters/notesMaster1.xml"/><Relationship Id="rId32" Type="http://schemas.openxmlformats.org/officeDocument/2006/relationships/viewProps" Target="viewProps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slide" Target="slides/slide20.xml"/><Relationship Id="rId28" Type="http://schemas.openxmlformats.org/officeDocument/2006/relationships/font" Target="fonts/font3.fntdata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31" Type="http://schemas.openxmlformats.org/officeDocument/2006/relationships/presProps" Target="presProps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slide" Target="slides/slide19.xml"/><Relationship Id="rId27" Type="http://schemas.openxmlformats.org/officeDocument/2006/relationships/font" Target="fonts/font2.fntdata"/><Relationship Id="rId30" Type="http://schemas.openxmlformats.org/officeDocument/2006/relationships/font" Target="fonts/font5.fntdata"/><Relationship Id="rId8" Type="http://schemas.openxmlformats.org/officeDocument/2006/relationships/slide" Target="slides/slide5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6" Type="http://schemas.openxmlformats.org/officeDocument/2006/relationships/image" Target="../media/image21.svg"/><Relationship Id="rId5" Type="http://schemas.openxmlformats.org/officeDocument/2006/relationships/image" Target="../media/image20.png"/><Relationship Id="rId4" Type="http://schemas.openxmlformats.org/officeDocument/2006/relationships/image" Target="../media/image19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6" Type="http://schemas.openxmlformats.org/officeDocument/2006/relationships/image" Target="../media/image21.svg"/><Relationship Id="rId5" Type="http://schemas.openxmlformats.org/officeDocument/2006/relationships/image" Target="../media/image20.png"/><Relationship Id="rId4" Type="http://schemas.openxmlformats.org/officeDocument/2006/relationships/image" Target="../media/image19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D1D523E-DF14-48CD-B2C3-0F75BE428F5D}" type="doc">
      <dgm:prSet loTypeId="urn:microsoft.com/office/officeart/2018/2/layout/IconLabelDescription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DBACF90D-8630-4597-BEEB-CCC6A67093AA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 dirty="0"/>
            <a:t>Research </a:t>
          </a:r>
          <a:r>
            <a:rPr lang="da-DK" dirty="0" err="1"/>
            <a:t>Question</a:t>
          </a:r>
          <a:endParaRPr lang="en-US" dirty="0"/>
        </a:p>
      </dgm:t>
    </dgm:pt>
    <dgm:pt modelId="{C27C9748-B165-43BA-B9CF-171949ED0DD7}" type="parTrans" cxnId="{BDED1834-0AC6-46D4-8E73-7AC2195C544B}">
      <dgm:prSet/>
      <dgm:spPr/>
      <dgm:t>
        <a:bodyPr/>
        <a:lstStyle/>
        <a:p>
          <a:endParaRPr lang="en-US"/>
        </a:p>
      </dgm:t>
    </dgm:pt>
    <dgm:pt modelId="{FC060B70-9AAF-4579-8923-C59A9B10114B}" type="sibTrans" cxnId="{BDED1834-0AC6-46D4-8E73-7AC2195C544B}">
      <dgm:prSet/>
      <dgm:spPr/>
      <dgm:t>
        <a:bodyPr/>
        <a:lstStyle/>
        <a:p>
          <a:endParaRPr lang="en-US"/>
        </a:p>
      </dgm:t>
    </dgm:pt>
    <dgm:pt modelId="{A45EB936-DE71-448E-BD99-23A9D732FC55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da-DK" sz="1600" dirty="0" err="1"/>
            <a:t>What</a:t>
          </a:r>
          <a:r>
            <a:rPr lang="da-DK" sz="1600" dirty="0"/>
            <a:t> </a:t>
          </a:r>
          <a:r>
            <a:rPr lang="da-DK" sz="1600" dirty="0" err="1"/>
            <a:t>are</a:t>
          </a:r>
          <a:r>
            <a:rPr lang="da-DK" sz="1600" dirty="0"/>
            <a:t> the </a:t>
          </a:r>
          <a:r>
            <a:rPr lang="da-DK" sz="1600" dirty="0" err="1"/>
            <a:t>distributional</a:t>
          </a:r>
          <a:r>
            <a:rPr lang="da-DK" sz="1600" dirty="0"/>
            <a:t> </a:t>
          </a:r>
          <a:r>
            <a:rPr lang="da-DK" sz="1600" dirty="0" err="1"/>
            <a:t>effects</a:t>
          </a:r>
          <a:r>
            <a:rPr lang="da-DK" sz="1600" dirty="0"/>
            <a:t> of </a:t>
          </a:r>
          <a:r>
            <a:rPr lang="da-DK" sz="1600" dirty="0" err="1"/>
            <a:t>monetary</a:t>
          </a:r>
          <a:r>
            <a:rPr lang="da-DK" sz="1600" dirty="0"/>
            <a:t> policy on </a:t>
          </a:r>
          <a:r>
            <a:rPr lang="da-DK" sz="1600" dirty="0" err="1"/>
            <a:t>household</a:t>
          </a:r>
          <a:r>
            <a:rPr lang="da-DK" sz="1600" dirty="0"/>
            <a:t> </a:t>
          </a:r>
          <a:r>
            <a:rPr lang="da-DK" sz="1600" dirty="0" err="1"/>
            <a:t>wealth</a:t>
          </a:r>
          <a:r>
            <a:rPr lang="da-DK" sz="1600" dirty="0"/>
            <a:t> and </a:t>
          </a:r>
          <a:r>
            <a:rPr lang="da-DK" sz="1600" dirty="0" err="1"/>
            <a:t>income</a:t>
          </a:r>
          <a:r>
            <a:rPr lang="da-DK" sz="1600" dirty="0"/>
            <a:t> in </a:t>
          </a:r>
          <a:r>
            <a:rPr lang="da-DK" sz="1600" dirty="0" err="1"/>
            <a:t>finite</a:t>
          </a:r>
          <a:r>
            <a:rPr lang="da-DK" sz="1600" dirty="0"/>
            <a:t> </a:t>
          </a:r>
          <a:r>
            <a:rPr lang="da-DK" sz="1600" dirty="0" err="1"/>
            <a:t>horizon</a:t>
          </a:r>
          <a:r>
            <a:rPr lang="da-DK" sz="1600" dirty="0"/>
            <a:t> </a:t>
          </a:r>
          <a:r>
            <a:rPr lang="da-DK" sz="1600" dirty="0" err="1"/>
            <a:t>setting</a:t>
          </a:r>
          <a:r>
            <a:rPr lang="da-DK" sz="1600" dirty="0"/>
            <a:t>?</a:t>
          </a:r>
          <a:endParaRPr lang="en-US" sz="1600" dirty="0"/>
        </a:p>
      </dgm:t>
    </dgm:pt>
    <dgm:pt modelId="{C3DF54C1-91CA-41D8-B7C1-8D127D7ACDEB}" type="parTrans" cxnId="{74AB9698-8005-45D8-BB78-B4AD6C73D15A}">
      <dgm:prSet/>
      <dgm:spPr/>
      <dgm:t>
        <a:bodyPr/>
        <a:lstStyle/>
        <a:p>
          <a:endParaRPr lang="en-US"/>
        </a:p>
      </dgm:t>
    </dgm:pt>
    <dgm:pt modelId="{8C53EDB6-62C4-4EC3-889E-70D81DC9AD48}" type="sibTrans" cxnId="{74AB9698-8005-45D8-BB78-B4AD6C73D15A}">
      <dgm:prSet/>
      <dgm:spPr/>
      <dgm:t>
        <a:bodyPr/>
        <a:lstStyle/>
        <a:p>
          <a:endParaRPr lang="en-US"/>
        </a:p>
      </dgm:t>
    </dgm:pt>
    <dgm:pt modelId="{DCA2D8FE-9F79-4550-A834-2CA3E7CA4EB8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 dirty="0"/>
            <a:t>Method</a:t>
          </a:r>
          <a:endParaRPr lang="en-US" dirty="0"/>
        </a:p>
      </dgm:t>
    </dgm:pt>
    <dgm:pt modelId="{7D64360F-B047-4E40-93F6-A5DE3D7825FB}" type="parTrans" cxnId="{1CAE256D-F318-44DC-8537-44A4219D325F}">
      <dgm:prSet/>
      <dgm:spPr/>
      <dgm:t>
        <a:bodyPr/>
        <a:lstStyle/>
        <a:p>
          <a:endParaRPr lang="en-US"/>
        </a:p>
      </dgm:t>
    </dgm:pt>
    <dgm:pt modelId="{CFFB379B-3118-4AD8-BB1F-7CA19D7FF5CE}" type="sibTrans" cxnId="{1CAE256D-F318-44DC-8537-44A4219D325F}">
      <dgm:prSet/>
      <dgm:spPr/>
      <dgm:t>
        <a:bodyPr/>
        <a:lstStyle/>
        <a:p>
          <a:endParaRPr lang="en-US"/>
        </a:p>
      </dgm:t>
    </dgm:pt>
    <dgm:pt modelId="{43C8D296-90CB-496C-B249-813E78ECBD7B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en-US" sz="1600" dirty="0"/>
            <a:t>I propose using deep reinforcement learning (DRL) to solve a complex household optimization problem.</a:t>
          </a:r>
          <a:br>
            <a:rPr lang="en-US" sz="1600" dirty="0"/>
          </a:br>
          <a:br>
            <a:rPr lang="en-US" sz="1600" dirty="0"/>
          </a:br>
          <a:r>
            <a:rPr lang="en-US" sz="1600" dirty="0"/>
            <a:t>DRL is well-suited for solving problems with high dimensionality and complexity, solving the curse of dimensionality. It also allows for heterogenous actions within a simulated environment, reflecting real choices of a household.</a:t>
          </a:r>
        </a:p>
      </dgm:t>
    </dgm:pt>
    <dgm:pt modelId="{6F5B4001-AD89-4D48-96A8-C369DB70D971}" type="parTrans" cxnId="{9E738061-BBF4-48D5-A7AF-AA94E4517824}">
      <dgm:prSet/>
      <dgm:spPr/>
      <dgm:t>
        <a:bodyPr/>
        <a:lstStyle/>
        <a:p>
          <a:endParaRPr lang="en-US"/>
        </a:p>
      </dgm:t>
    </dgm:pt>
    <dgm:pt modelId="{76860C6C-CE77-467E-8BAF-359F661C3734}" type="sibTrans" cxnId="{9E738061-BBF4-48D5-A7AF-AA94E4517824}">
      <dgm:prSet/>
      <dgm:spPr/>
      <dgm:t>
        <a:bodyPr/>
        <a:lstStyle/>
        <a:p>
          <a:endParaRPr lang="en-US"/>
        </a:p>
      </dgm:t>
    </dgm:pt>
    <dgm:pt modelId="{4D597F62-D426-4E3C-94B9-29575DB10943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 dirty="0"/>
            <a:t>Motivation</a:t>
          </a:r>
          <a:endParaRPr lang="en-US" dirty="0"/>
        </a:p>
      </dgm:t>
    </dgm:pt>
    <dgm:pt modelId="{94CDCC7F-9DE5-4201-9FD3-F9C9BB510C82}" type="parTrans" cxnId="{46A5C945-E6B6-4436-AD8E-516A3E4FDA75}">
      <dgm:prSet/>
      <dgm:spPr/>
      <dgm:t>
        <a:bodyPr/>
        <a:lstStyle/>
        <a:p>
          <a:endParaRPr lang="en-DK"/>
        </a:p>
      </dgm:t>
    </dgm:pt>
    <dgm:pt modelId="{DE6BBF2B-F500-4DFD-B5CC-FC9041B2E297}" type="sibTrans" cxnId="{46A5C945-E6B6-4436-AD8E-516A3E4FDA75}">
      <dgm:prSet/>
      <dgm:spPr/>
      <dgm:t>
        <a:bodyPr/>
        <a:lstStyle/>
        <a:p>
          <a:endParaRPr lang="en-DK"/>
        </a:p>
      </dgm:t>
    </dgm:pt>
    <dgm:pt modelId="{A1805CD2-B719-4883-971F-BEFCEB0BD70E}">
      <dgm:prSet/>
      <dgm:spPr/>
      <dgm:t>
        <a:bodyPr/>
        <a:lstStyle/>
        <a:p>
          <a:pPr>
            <a:lnSpc>
              <a:spcPct val="100000"/>
            </a:lnSpc>
          </a:pPr>
          <a:r>
            <a:rPr lang="en-GB" dirty="0"/>
            <a:t>This thesis studies how monetary policy affects the distribution of household wealth and income.
By solving a rich finite-horizon household model with DRL methods, it advances both our understanding of monetary transmission channels and demonstrates how DRL can tackle high-dimensional economic problems.</a:t>
          </a:r>
          <a:endParaRPr lang="en-US" dirty="0"/>
        </a:p>
      </dgm:t>
    </dgm:pt>
    <dgm:pt modelId="{C9A7EAC3-E4DC-433F-BD6D-C01F2482A119}" type="parTrans" cxnId="{8780A251-733E-4600-B5B4-E813E7536498}">
      <dgm:prSet/>
      <dgm:spPr/>
      <dgm:t>
        <a:bodyPr/>
        <a:lstStyle/>
        <a:p>
          <a:endParaRPr lang="en-DK"/>
        </a:p>
      </dgm:t>
    </dgm:pt>
    <dgm:pt modelId="{E00976A8-1335-4305-8560-0F0AE99B6A66}" type="sibTrans" cxnId="{8780A251-733E-4600-B5B4-E813E7536498}">
      <dgm:prSet/>
      <dgm:spPr/>
      <dgm:t>
        <a:bodyPr/>
        <a:lstStyle/>
        <a:p>
          <a:endParaRPr lang="en-DK"/>
        </a:p>
      </dgm:t>
    </dgm:pt>
    <dgm:pt modelId="{80B4A74F-B953-46EC-9615-D2A82FB16663}" type="pres">
      <dgm:prSet presAssocID="{9D1D523E-DF14-48CD-B2C3-0F75BE428F5D}" presName="root" presStyleCnt="0">
        <dgm:presLayoutVars>
          <dgm:dir/>
          <dgm:resizeHandles val="exact"/>
        </dgm:presLayoutVars>
      </dgm:prSet>
      <dgm:spPr/>
    </dgm:pt>
    <dgm:pt modelId="{321BA831-F8E2-4C8F-B009-F9CB33F3F942}" type="pres">
      <dgm:prSet presAssocID="{DBACF90D-8630-4597-BEEB-CCC6A67093AA}" presName="compNode" presStyleCnt="0"/>
      <dgm:spPr/>
    </dgm:pt>
    <dgm:pt modelId="{9C25A97B-D3CC-4B29-A0E3-C9A87B7BFF7D}" type="pres">
      <dgm:prSet presAssocID="{DBACF90D-8630-4597-BEEB-CCC6A67093AA}" presName="iconRect" presStyleLbl="node1" presStyleIdx="0" presStyleCnt="3"/>
      <dgm:spPr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pørgsmålstegn med massiv udfyldning"/>
        </a:ext>
      </dgm:extLst>
    </dgm:pt>
    <dgm:pt modelId="{0A3C39A3-5955-41F6-886A-2F4728FB7F57}" type="pres">
      <dgm:prSet presAssocID="{DBACF90D-8630-4597-BEEB-CCC6A67093AA}" presName="iconSpace" presStyleCnt="0"/>
      <dgm:spPr/>
    </dgm:pt>
    <dgm:pt modelId="{2C13FC31-7DBA-43C9-8473-31A813799B2C}" type="pres">
      <dgm:prSet presAssocID="{DBACF90D-8630-4597-BEEB-CCC6A67093AA}" presName="parTx" presStyleLbl="revTx" presStyleIdx="0" presStyleCnt="6">
        <dgm:presLayoutVars>
          <dgm:chMax val="0"/>
          <dgm:chPref val="0"/>
        </dgm:presLayoutVars>
      </dgm:prSet>
      <dgm:spPr/>
    </dgm:pt>
    <dgm:pt modelId="{08610847-5CEC-4BB3-8942-5FCD29E26AA1}" type="pres">
      <dgm:prSet presAssocID="{DBACF90D-8630-4597-BEEB-CCC6A67093AA}" presName="txSpace" presStyleCnt="0"/>
      <dgm:spPr/>
    </dgm:pt>
    <dgm:pt modelId="{9273524E-DBD4-4E29-897A-658181065B2E}" type="pres">
      <dgm:prSet presAssocID="{DBACF90D-8630-4597-BEEB-CCC6A67093AA}" presName="desTx" presStyleLbl="revTx" presStyleIdx="1" presStyleCnt="6">
        <dgm:presLayoutVars/>
      </dgm:prSet>
      <dgm:spPr/>
    </dgm:pt>
    <dgm:pt modelId="{99460B2D-5B4C-4798-8E62-87619E0F5229}" type="pres">
      <dgm:prSet presAssocID="{FC060B70-9AAF-4579-8923-C59A9B10114B}" presName="sibTrans" presStyleCnt="0"/>
      <dgm:spPr/>
    </dgm:pt>
    <dgm:pt modelId="{AEA683AF-9E9E-43B7-AE08-E0BEE2D4DCF3}" type="pres">
      <dgm:prSet presAssocID="{DCA2D8FE-9F79-4550-A834-2CA3E7CA4EB8}" presName="compNode" presStyleCnt="0"/>
      <dgm:spPr/>
    </dgm:pt>
    <dgm:pt modelId="{0C36D2CC-1FDE-4F44-88A2-977B7C1F86CE}" type="pres">
      <dgm:prSet presAssocID="{DCA2D8FE-9F79-4550-A834-2CA3E7CA4EB8}" presName="iconRect" presStyleLbl="node1" presStyleIdx="1" presStyleCnt="3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Klasseværelse"/>
        </a:ext>
      </dgm:extLst>
    </dgm:pt>
    <dgm:pt modelId="{5201D48B-C120-41A5-88C8-B53950B6A979}" type="pres">
      <dgm:prSet presAssocID="{DCA2D8FE-9F79-4550-A834-2CA3E7CA4EB8}" presName="iconSpace" presStyleCnt="0"/>
      <dgm:spPr/>
    </dgm:pt>
    <dgm:pt modelId="{B586A690-07C8-4E79-8568-129EAA48B0AC}" type="pres">
      <dgm:prSet presAssocID="{DCA2D8FE-9F79-4550-A834-2CA3E7CA4EB8}" presName="parTx" presStyleLbl="revTx" presStyleIdx="2" presStyleCnt="6">
        <dgm:presLayoutVars>
          <dgm:chMax val="0"/>
          <dgm:chPref val="0"/>
        </dgm:presLayoutVars>
      </dgm:prSet>
      <dgm:spPr/>
    </dgm:pt>
    <dgm:pt modelId="{EFC38472-AD02-4A22-AFC9-310143994CEA}" type="pres">
      <dgm:prSet presAssocID="{DCA2D8FE-9F79-4550-A834-2CA3E7CA4EB8}" presName="txSpace" presStyleCnt="0"/>
      <dgm:spPr/>
    </dgm:pt>
    <dgm:pt modelId="{40EE178D-448D-491E-8C18-5C3B79AA79C3}" type="pres">
      <dgm:prSet presAssocID="{DCA2D8FE-9F79-4550-A834-2CA3E7CA4EB8}" presName="desTx" presStyleLbl="revTx" presStyleIdx="3" presStyleCnt="6">
        <dgm:presLayoutVars/>
      </dgm:prSet>
      <dgm:spPr/>
    </dgm:pt>
    <dgm:pt modelId="{5CB274B0-AB74-4B54-BC06-8B5602039740}" type="pres">
      <dgm:prSet presAssocID="{CFFB379B-3118-4AD8-BB1F-7CA19D7FF5CE}" presName="sibTrans" presStyleCnt="0"/>
      <dgm:spPr/>
    </dgm:pt>
    <dgm:pt modelId="{476749DE-4DAF-4DE1-B9FB-868732BCB86F}" type="pres">
      <dgm:prSet presAssocID="{4D597F62-D426-4E3C-94B9-29575DB10943}" presName="compNode" presStyleCnt="0"/>
      <dgm:spPr/>
    </dgm:pt>
    <dgm:pt modelId="{1BC0CE0D-7166-454C-B40C-A81AACF31A57}" type="pres">
      <dgm:prSet presAssocID="{4D597F62-D426-4E3C-94B9-29575DB10943}" presName="iconRect" presStyleLbl="node1" presStyleIdx="2" presStyleCnt="3"/>
      <dgm:spPr>
        <a:blipFill>
          <a:blip xmlns:r="http://schemas.openxmlformats.org/officeDocument/2006/relationships"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 t="-10000" b="-10000"/>
          </a:stretch>
        </a:blipFill>
      </dgm:spPr>
      <dgm:extLst>
        <a:ext uri="{E40237B7-FDA0-4F09-8148-C483321AD2D9}">
          <dgm14:cNvPr xmlns:dgm14="http://schemas.microsoft.com/office/drawing/2010/diagram" id="0" name="" descr="Elpære med massiv udfyldning"/>
        </a:ext>
      </dgm:extLst>
    </dgm:pt>
    <dgm:pt modelId="{7ECA3258-8823-40BE-8D98-F6933890016A}" type="pres">
      <dgm:prSet presAssocID="{4D597F62-D426-4E3C-94B9-29575DB10943}" presName="iconSpace" presStyleCnt="0"/>
      <dgm:spPr/>
    </dgm:pt>
    <dgm:pt modelId="{5B5D2300-EA7B-4C48-AF6E-76FAE795CB1E}" type="pres">
      <dgm:prSet presAssocID="{4D597F62-D426-4E3C-94B9-29575DB10943}" presName="parTx" presStyleLbl="revTx" presStyleIdx="4" presStyleCnt="6">
        <dgm:presLayoutVars>
          <dgm:chMax val="0"/>
          <dgm:chPref val="0"/>
        </dgm:presLayoutVars>
      </dgm:prSet>
      <dgm:spPr/>
    </dgm:pt>
    <dgm:pt modelId="{B4097903-0D6C-4E98-88A1-7FDAD7D57863}" type="pres">
      <dgm:prSet presAssocID="{4D597F62-D426-4E3C-94B9-29575DB10943}" presName="txSpace" presStyleCnt="0"/>
      <dgm:spPr/>
    </dgm:pt>
    <dgm:pt modelId="{39BA0912-702D-4655-906B-2843E25104CA}" type="pres">
      <dgm:prSet presAssocID="{4D597F62-D426-4E3C-94B9-29575DB10943}" presName="desTx" presStyleLbl="revTx" presStyleIdx="5" presStyleCnt="6">
        <dgm:presLayoutVars/>
      </dgm:prSet>
      <dgm:spPr/>
    </dgm:pt>
  </dgm:ptLst>
  <dgm:cxnLst>
    <dgm:cxn modelId="{5927D120-7B0D-4F9A-B47C-9BE7B3FDBA51}" type="presOf" srcId="{A45EB936-DE71-448E-BD99-23A9D732FC55}" destId="{9273524E-DBD4-4E29-897A-658181065B2E}" srcOrd="0" destOrd="0" presId="urn:microsoft.com/office/officeart/2018/2/layout/IconLabelDescriptionList"/>
    <dgm:cxn modelId="{E6C77628-9551-4D6C-B0DE-2C6CEECDC3EE}" type="presOf" srcId="{DBACF90D-8630-4597-BEEB-CCC6A67093AA}" destId="{2C13FC31-7DBA-43C9-8473-31A813799B2C}" srcOrd="0" destOrd="0" presId="urn:microsoft.com/office/officeart/2018/2/layout/IconLabelDescriptionList"/>
    <dgm:cxn modelId="{BDED1834-0AC6-46D4-8E73-7AC2195C544B}" srcId="{9D1D523E-DF14-48CD-B2C3-0F75BE428F5D}" destId="{DBACF90D-8630-4597-BEEB-CCC6A67093AA}" srcOrd="0" destOrd="0" parTransId="{C27C9748-B165-43BA-B9CF-171949ED0DD7}" sibTransId="{FC060B70-9AAF-4579-8923-C59A9B10114B}"/>
    <dgm:cxn modelId="{7C5DF660-4588-491A-9FCF-DE315793DFB8}" type="presOf" srcId="{4D597F62-D426-4E3C-94B9-29575DB10943}" destId="{5B5D2300-EA7B-4C48-AF6E-76FAE795CB1E}" srcOrd="0" destOrd="0" presId="urn:microsoft.com/office/officeart/2018/2/layout/IconLabelDescriptionList"/>
    <dgm:cxn modelId="{9E738061-BBF4-48D5-A7AF-AA94E4517824}" srcId="{DCA2D8FE-9F79-4550-A834-2CA3E7CA4EB8}" destId="{43C8D296-90CB-496C-B249-813E78ECBD7B}" srcOrd="0" destOrd="0" parTransId="{6F5B4001-AD89-4D48-96A8-C369DB70D971}" sibTransId="{76860C6C-CE77-467E-8BAF-359F661C3734}"/>
    <dgm:cxn modelId="{2CF7B162-053F-437C-B78A-0A9CD63BF384}" type="presOf" srcId="{DCA2D8FE-9F79-4550-A834-2CA3E7CA4EB8}" destId="{B586A690-07C8-4E79-8568-129EAA48B0AC}" srcOrd="0" destOrd="0" presId="urn:microsoft.com/office/officeart/2018/2/layout/IconLabelDescriptionList"/>
    <dgm:cxn modelId="{46A5C945-E6B6-4436-AD8E-516A3E4FDA75}" srcId="{9D1D523E-DF14-48CD-B2C3-0F75BE428F5D}" destId="{4D597F62-D426-4E3C-94B9-29575DB10943}" srcOrd="2" destOrd="0" parTransId="{94CDCC7F-9DE5-4201-9FD3-F9C9BB510C82}" sibTransId="{DE6BBF2B-F500-4DFD-B5CC-FC9041B2E297}"/>
    <dgm:cxn modelId="{1CAE256D-F318-44DC-8537-44A4219D325F}" srcId="{9D1D523E-DF14-48CD-B2C3-0F75BE428F5D}" destId="{DCA2D8FE-9F79-4550-A834-2CA3E7CA4EB8}" srcOrd="1" destOrd="0" parTransId="{7D64360F-B047-4E40-93F6-A5DE3D7825FB}" sibTransId="{CFFB379B-3118-4AD8-BB1F-7CA19D7FF5CE}"/>
    <dgm:cxn modelId="{8780A251-733E-4600-B5B4-E813E7536498}" srcId="{4D597F62-D426-4E3C-94B9-29575DB10943}" destId="{A1805CD2-B719-4883-971F-BEFCEB0BD70E}" srcOrd="0" destOrd="0" parTransId="{C9A7EAC3-E4DC-433F-BD6D-C01F2482A119}" sibTransId="{E00976A8-1335-4305-8560-0F0AE99B6A66}"/>
    <dgm:cxn modelId="{74AB9698-8005-45D8-BB78-B4AD6C73D15A}" srcId="{DBACF90D-8630-4597-BEEB-CCC6A67093AA}" destId="{A45EB936-DE71-448E-BD99-23A9D732FC55}" srcOrd="0" destOrd="0" parTransId="{C3DF54C1-91CA-41D8-B7C1-8D127D7ACDEB}" sibTransId="{8C53EDB6-62C4-4EC3-889E-70D81DC9AD48}"/>
    <dgm:cxn modelId="{ADF8BA9B-073E-4C17-8463-BBBB0E846A1B}" type="presOf" srcId="{9D1D523E-DF14-48CD-B2C3-0F75BE428F5D}" destId="{80B4A74F-B953-46EC-9615-D2A82FB16663}" srcOrd="0" destOrd="0" presId="urn:microsoft.com/office/officeart/2018/2/layout/IconLabelDescriptionList"/>
    <dgm:cxn modelId="{5AEBA8BB-BCFA-4992-A7DB-A5A7A7F8DD6B}" type="presOf" srcId="{43C8D296-90CB-496C-B249-813E78ECBD7B}" destId="{40EE178D-448D-491E-8C18-5C3B79AA79C3}" srcOrd="0" destOrd="0" presId="urn:microsoft.com/office/officeart/2018/2/layout/IconLabelDescriptionList"/>
    <dgm:cxn modelId="{7508EBD0-9DD2-4556-B378-2968FA4096A8}" type="presOf" srcId="{A1805CD2-B719-4883-971F-BEFCEB0BD70E}" destId="{39BA0912-702D-4655-906B-2843E25104CA}" srcOrd="0" destOrd="0" presId="urn:microsoft.com/office/officeart/2018/2/layout/IconLabelDescriptionList"/>
    <dgm:cxn modelId="{0D0B0FEE-C3C9-4607-93D2-EEFDDD0624C6}" type="presParOf" srcId="{80B4A74F-B953-46EC-9615-D2A82FB16663}" destId="{321BA831-F8E2-4C8F-B009-F9CB33F3F942}" srcOrd="0" destOrd="0" presId="urn:microsoft.com/office/officeart/2018/2/layout/IconLabelDescriptionList"/>
    <dgm:cxn modelId="{110ADB7D-4AF6-4343-9BA0-548136E8A7F9}" type="presParOf" srcId="{321BA831-F8E2-4C8F-B009-F9CB33F3F942}" destId="{9C25A97B-D3CC-4B29-A0E3-C9A87B7BFF7D}" srcOrd="0" destOrd="0" presId="urn:microsoft.com/office/officeart/2018/2/layout/IconLabelDescriptionList"/>
    <dgm:cxn modelId="{90975F71-7252-4921-A397-7739E3D9D202}" type="presParOf" srcId="{321BA831-F8E2-4C8F-B009-F9CB33F3F942}" destId="{0A3C39A3-5955-41F6-886A-2F4728FB7F57}" srcOrd="1" destOrd="0" presId="urn:microsoft.com/office/officeart/2018/2/layout/IconLabelDescriptionList"/>
    <dgm:cxn modelId="{E23D27D7-AFFE-4914-996C-5E5CACD42FB0}" type="presParOf" srcId="{321BA831-F8E2-4C8F-B009-F9CB33F3F942}" destId="{2C13FC31-7DBA-43C9-8473-31A813799B2C}" srcOrd="2" destOrd="0" presId="urn:microsoft.com/office/officeart/2018/2/layout/IconLabelDescriptionList"/>
    <dgm:cxn modelId="{0C4BD891-576D-4A23-9678-24C7623C7991}" type="presParOf" srcId="{321BA831-F8E2-4C8F-B009-F9CB33F3F942}" destId="{08610847-5CEC-4BB3-8942-5FCD29E26AA1}" srcOrd="3" destOrd="0" presId="urn:microsoft.com/office/officeart/2018/2/layout/IconLabelDescriptionList"/>
    <dgm:cxn modelId="{9A61474A-8986-454B-8770-F8D23A300B1E}" type="presParOf" srcId="{321BA831-F8E2-4C8F-B009-F9CB33F3F942}" destId="{9273524E-DBD4-4E29-897A-658181065B2E}" srcOrd="4" destOrd="0" presId="urn:microsoft.com/office/officeart/2018/2/layout/IconLabelDescriptionList"/>
    <dgm:cxn modelId="{AED309F7-BCE5-4745-A3FF-9CE9B6E7990C}" type="presParOf" srcId="{80B4A74F-B953-46EC-9615-D2A82FB16663}" destId="{99460B2D-5B4C-4798-8E62-87619E0F5229}" srcOrd="1" destOrd="0" presId="urn:microsoft.com/office/officeart/2018/2/layout/IconLabelDescriptionList"/>
    <dgm:cxn modelId="{C1C187DA-2372-4F24-B199-2DAFDE7BA0A2}" type="presParOf" srcId="{80B4A74F-B953-46EC-9615-D2A82FB16663}" destId="{AEA683AF-9E9E-43B7-AE08-E0BEE2D4DCF3}" srcOrd="2" destOrd="0" presId="urn:microsoft.com/office/officeart/2018/2/layout/IconLabelDescriptionList"/>
    <dgm:cxn modelId="{6D2B03BA-9D7C-424C-8B4F-402F01B29292}" type="presParOf" srcId="{AEA683AF-9E9E-43B7-AE08-E0BEE2D4DCF3}" destId="{0C36D2CC-1FDE-4F44-88A2-977B7C1F86CE}" srcOrd="0" destOrd="0" presId="urn:microsoft.com/office/officeart/2018/2/layout/IconLabelDescriptionList"/>
    <dgm:cxn modelId="{2513D3F2-96BC-4346-94D5-33EDE1299B7B}" type="presParOf" srcId="{AEA683AF-9E9E-43B7-AE08-E0BEE2D4DCF3}" destId="{5201D48B-C120-41A5-88C8-B53950B6A979}" srcOrd="1" destOrd="0" presId="urn:microsoft.com/office/officeart/2018/2/layout/IconLabelDescriptionList"/>
    <dgm:cxn modelId="{F4B71EE4-2FB9-46E8-ADD0-F88D3600698F}" type="presParOf" srcId="{AEA683AF-9E9E-43B7-AE08-E0BEE2D4DCF3}" destId="{B586A690-07C8-4E79-8568-129EAA48B0AC}" srcOrd="2" destOrd="0" presId="urn:microsoft.com/office/officeart/2018/2/layout/IconLabelDescriptionList"/>
    <dgm:cxn modelId="{3C775C58-F45F-43D1-B933-3F6E28A2C03F}" type="presParOf" srcId="{AEA683AF-9E9E-43B7-AE08-E0BEE2D4DCF3}" destId="{EFC38472-AD02-4A22-AFC9-310143994CEA}" srcOrd="3" destOrd="0" presId="urn:microsoft.com/office/officeart/2018/2/layout/IconLabelDescriptionList"/>
    <dgm:cxn modelId="{9670EC5F-0E9D-441E-B287-08D73E5503E8}" type="presParOf" srcId="{AEA683AF-9E9E-43B7-AE08-E0BEE2D4DCF3}" destId="{40EE178D-448D-491E-8C18-5C3B79AA79C3}" srcOrd="4" destOrd="0" presId="urn:microsoft.com/office/officeart/2018/2/layout/IconLabelDescriptionList"/>
    <dgm:cxn modelId="{FC5CAC03-6327-463F-8FFA-CB3981F509B0}" type="presParOf" srcId="{80B4A74F-B953-46EC-9615-D2A82FB16663}" destId="{5CB274B0-AB74-4B54-BC06-8B5602039740}" srcOrd="3" destOrd="0" presId="urn:microsoft.com/office/officeart/2018/2/layout/IconLabelDescriptionList"/>
    <dgm:cxn modelId="{08315AA5-BFF7-414D-AFDA-2FC0B7DE7C60}" type="presParOf" srcId="{80B4A74F-B953-46EC-9615-D2A82FB16663}" destId="{476749DE-4DAF-4DE1-B9FB-868732BCB86F}" srcOrd="4" destOrd="0" presId="urn:microsoft.com/office/officeart/2018/2/layout/IconLabelDescriptionList"/>
    <dgm:cxn modelId="{9B1D58BC-E147-4022-8FD4-D7BC0DFE9F91}" type="presParOf" srcId="{476749DE-4DAF-4DE1-B9FB-868732BCB86F}" destId="{1BC0CE0D-7166-454C-B40C-A81AACF31A57}" srcOrd="0" destOrd="0" presId="urn:microsoft.com/office/officeart/2018/2/layout/IconLabelDescriptionList"/>
    <dgm:cxn modelId="{D6D0F4F7-D04A-4FCE-AFAF-B0C2CE157682}" type="presParOf" srcId="{476749DE-4DAF-4DE1-B9FB-868732BCB86F}" destId="{7ECA3258-8823-40BE-8D98-F6933890016A}" srcOrd="1" destOrd="0" presId="urn:microsoft.com/office/officeart/2018/2/layout/IconLabelDescriptionList"/>
    <dgm:cxn modelId="{926A3AFB-C217-4EAD-8C1B-0C2501C172C0}" type="presParOf" srcId="{476749DE-4DAF-4DE1-B9FB-868732BCB86F}" destId="{5B5D2300-EA7B-4C48-AF6E-76FAE795CB1E}" srcOrd="2" destOrd="0" presId="urn:microsoft.com/office/officeart/2018/2/layout/IconLabelDescriptionList"/>
    <dgm:cxn modelId="{5F480CE4-4926-4798-8FAB-9594850C6168}" type="presParOf" srcId="{476749DE-4DAF-4DE1-B9FB-868732BCB86F}" destId="{B4097903-0D6C-4E98-88A1-7FDAD7D57863}" srcOrd="3" destOrd="0" presId="urn:microsoft.com/office/officeart/2018/2/layout/IconLabelDescriptionList"/>
    <dgm:cxn modelId="{40FBD17D-EF11-4941-A323-CE4453878290}" type="presParOf" srcId="{476749DE-4DAF-4DE1-B9FB-868732BCB86F}" destId="{39BA0912-702D-4655-906B-2843E25104CA}" srcOrd="4" destOrd="0" presId="urn:microsoft.com/office/officeart/2018/2/layout/IconLabelDescription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C25A97B-D3CC-4B29-A0E3-C9A87B7BFF7D}">
      <dsp:nvSpPr>
        <dsp:cNvPr id="0" name=""/>
        <dsp:cNvSpPr/>
      </dsp:nvSpPr>
      <dsp:spPr>
        <a:xfrm>
          <a:off x="15149" y="366974"/>
          <a:ext cx="1181891" cy="982052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C13FC31-7DBA-43C9-8473-31A813799B2C}">
      <dsp:nvSpPr>
        <dsp:cNvPr id="0" name=""/>
        <dsp:cNvSpPr/>
      </dsp:nvSpPr>
      <dsp:spPr>
        <a:xfrm>
          <a:off x="15149" y="1503226"/>
          <a:ext cx="3376832" cy="42087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12446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800" kern="1200" dirty="0"/>
            <a:t>Research </a:t>
          </a:r>
          <a:r>
            <a:rPr lang="da-DK" sz="2800" kern="1200" dirty="0" err="1"/>
            <a:t>Question</a:t>
          </a:r>
          <a:endParaRPr lang="en-US" sz="2800" kern="1200" dirty="0"/>
        </a:p>
      </dsp:txBody>
      <dsp:txXfrm>
        <a:off x="15149" y="1503226"/>
        <a:ext cx="3376832" cy="420879"/>
      </dsp:txXfrm>
    </dsp:sp>
    <dsp:sp modelId="{9273524E-DBD4-4E29-897A-658181065B2E}">
      <dsp:nvSpPr>
        <dsp:cNvPr id="0" name=""/>
        <dsp:cNvSpPr/>
      </dsp:nvSpPr>
      <dsp:spPr>
        <a:xfrm>
          <a:off x="15149" y="1995827"/>
          <a:ext cx="3376832" cy="1957197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 err="1"/>
            <a:t>What</a:t>
          </a:r>
          <a:r>
            <a:rPr lang="da-DK" sz="1600" kern="1200" dirty="0"/>
            <a:t> </a:t>
          </a:r>
          <a:r>
            <a:rPr lang="da-DK" sz="1600" kern="1200" dirty="0" err="1"/>
            <a:t>are</a:t>
          </a:r>
          <a:r>
            <a:rPr lang="da-DK" sz="1600" kern="1200" dirty="0"/>
            <a:t> the </a:t>
          </a:r>
          <a:r>
            <a:rPr lang="da-DK" sz="1600" kern="1200" dirty="0" err="1"/>
            <a:t>distributional</a:t>
          </a:r>
          <a:r>
            <a:rPr lang="da-DK" sz="1600" kern="1200" dirty="0"/>
            <a:t> </a:t>
          </a:r>
          <a:r>
            <a:rPr lang="da-DK" sz="1600" kern="1200" dirty="0" err="1"/>
            <a:t>effects</a:t>
          </a:r>
          <a:r>
            <a:rPr lang="da-DK" sz="1600" kern="1200" dirty="0"/>
            <a:t> of </a:t>
          </a:r>
          <a:r>
            <a:rPr lang="da-DK" sz="1600" kern="1200" dirty="0" err="1"/>
            <a:t>monetary</a:t>
          </a:r>
          <a:r>
            <a:rPr lang="da-DK" sz="1600" kern="1200" dirty="0"/>
            <a:t> policy on </a:t>
          </a:r>
          <a:r>
            <a:rPr lang="da-DK" sz="1600" kern="1200" dirty="0" err="1"/>
            <a:t>household</a:t>
          </a:r>
          <a:r>
            <a:rPr lang="da-DK" sz="1600" kern="1200" dirty="0"/>
            <a:t> </a:t>
          </a:r>
          <a:r>
            <a:rPr lang="da-DK" sz="1600" kern="1200" dirty="0" err="1"/>
            <a:t>wealth</a:t>
          </a:r>
          <a:r>
            <a:rPr lang="da-DK" sz="1600" kern="1200" dirty="0"/>
            <a:t> and </a:t>
          </a:r>
          <a:r>
            <a:rPr lang="da-DK" sz="1600" kern="1200" dirty="0" err="1"/>
            <a:t>income</a:t>
          </a:r>
          <a:r>
            <a:rPr lang="da-DK" sz="1600" kern="1200" dirty="0"/>
            <a:t> in </a:t>
          </a:r>
          <a:r>
            <a:rPr lang="da-DK" sz="1600" kern="1200" dirty="0" err="1"/>
            <a:t>finite</a:t>
          </a:r>
          <a:r>
            <a:rPr lang="da-DK" sz="1600" kern="1200" dirty="0"/>
            <a:t> </a:t>
          </a:r>
          <a:r>
            <a:rPr lang="da-DK" sz="1600" kern="1200" dirty="0" err="1"/>
            <a:t>horizon</a:t>
          </a:r>
          <a:r>
            <a:rPr lang="da-DK" sz="1600" kern="1200" dirty="0"/>
            <a:t> </a:t>
          </a:r>
          <a:r>
            <a:rPr lang="da-DK" sz="1600" kern="1200" dirty="0" err="1"/>
            <a:t>setting</a:t>
          </a:r>
          <a:r>
            <a:rPr lang="da-DK" sz="1600" kern="1200" dirty="0"/>
            <a:t>?</a:t>
          </a:r>
          <a:endParaRPr lang="en-US" sz="1600" kern="1200" dirty="0"/>
        </a:p>
      </dsp:txBody>
      <dsp:txXfrm>
        <a:off x="15149" y="1995827"/>
        <a:ext cx="3376832" cy="1957197"/>
      </dsp:txXfrm>
    </dsp:sp>
    <dsp:sp modelId="{0C36D2CC-1FDE-4F44-88A2-977B7C1F86CE}">
      <dsp:nvSpPr>
        <dsp:cNvPr id="0" name=""/>
        <dsp:cNvSpPr/>
      </dsp:nvSpPr>
      <dsp:spPr>
        <a:xfrm>
          <a:off x="3982927" y="366974"/>
          <a:ext cx="1181891" cy="982052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586A690-07C8-4E79-8568-129EAA48B0AC}">
      <dsp:nvSpPr>
        <dsp:cNvPr id="0" name=""/>
        <dsp:cNvSpPr/>
      </dsp:nvSpPr>
      <dsp:spPr>
        <a:xfrm>
          <a:off x="3982927" y="1503226"/>
          <a:ext cx="3376832" cy="42087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12446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800" kern="1200" dirty="0"/>
            <a:t>Method</a:t>
          </a:r>
          <a:endParaRPr lang="en-US" sz="2800" kern="1200" dirty="0"/>
        </a:p>
      </dsp:txBody>
      <dsp:txXfrm>
        <a:off x="3982927" y="1503226"/>
        <a:ext cx="3376832" cy="420879"/>
      </dsp:txXfrm>
    </dsp:sp>
    <dsp:sp modelId="{40EE178D-448D-491E-8C18-5C3B79AA79C3}">
      <dsp:nvSpPr>
        <dsp:cNvPr id="0" name=""/>
        <dsp:cNvSpPr/>
      </dsp:nvSpPr>
      <dsp:spPr>
        <a:xfrm>
          <a:off x="3982927" y="1995827"/>
          <a:ext cx="3376832" cy="1957197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I propose using deep reinforcement learning (DRL) to solve a complex household optimization problem.</a:t>
          </a:r>
          <a:br>
            <a:rPr lang="en-US" sz="1600" kern="1200" dirty="0"/>
          </a:br>
          <a:br>
            <a:rPr lang="en-US" sz="1600" kern="1200" dirty="0"/>
          </a:br>
          <a:r>
            <a:rPr lang="en-US" sz="1600" kern="1200" dirty="0"/>
            <a:t>DRL is well-suited for solving problems with high dimensionality and complexity, solving the curse of dimensionality. It also allows for heterogenous actions within a simulated environment, reflecting real choices of a household.</a:t>
          </a:r>
        </a:p>
      </dsp:txBody>
      <dsp:txXfrm>
        <a:off x="3982927" y="1995827"/>
        <a:ext cx="3376832" cy="1957197"/>
      </dsp:txXfrm>
    </dsp:sp>
    <dsp:sp modelId="{1BC0CE0D-7166-454C-B40C-A81AACF31A57}">
      <dsp:nvSpPr>
        <dsp:cNvPr id="0" name=""/>
        <dsp:cNvSpPr/>
      </dsp:nvSpPr>
      <dsp:spPr>
        <a:xfrm>
          <a:off x="7950705" y="366974"/>
          <a:ext cx="1181891" cy="982052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 t="-10000" b="-10000"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B5D2300-EA7B-4C48-AF6E-76FAE795CB1E}">
      <dsp:nvSpPr>
        <dsp:cNvPr id="0" name=""/>
        <dsp:cNvSpPr/>
      </dsp:nvSpPr>
      <dsp:spPr>
        <a:xfrm>
          <a:off x="7950705" y="1503226"/>
          <a:ext cx="3376832" cy="42087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12446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800" kern="1200" dirty="0"/>
            <a:t>Motivation</a:t>
          </a:r>
          <a:endParaRPr lang="en-US" sz="2800" kern="1200" dirty="0"/>
        </a:p>
      </dsp:txBody>
      <dsp:txXfrm>
        <a:off x="7950705" y="1503226"/>
        <a:ext cx="3376832" cy="420879"/>
      </dsp:txXfrm>
    </dsp:sp>
    <dsp:sp modelId="{39BA0912-702D-4655-906B-2843E25104CA}">
      <dsp:nvSpPr>
        <dsp:cNvPr id="0" name=""/>
        <dsp:cNvSpPr/>
      </dsp:nvSpPr>
      <dsp:spPr>
        <a:xfrm>
          <a:off x="7950705" y="1995827"/>
          <a:ext cx="3376832" cy="1957197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556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700" kern="1200" dirty="0"/>
            <a:t>This thesis studies how monetary policy affects the distribution of household wealth and income.
By solving a rich finite-horizon household model with DRL methods, it advances both our understanding of monetary transmission channels and demonstrates how DRL can tackle high-dimensional economic problems.</a:t>
          </a:r>
          <a:endParaRPr lang="en-US" sz="1700" kern="1200" dirty="0"/>
        </a:p>
      </dsp:txBody>
      <dsp:txXfrm>
        <a:off x="7950705" y="1995827"/>
        <a:ext cx="3376832" cy="1957197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LabelDescriptionList">
  <dgm:title val="Icon Label Description List"/>
  <dgm:desc val="Use to show non-sequential or grouped chunks of information. The placeholder holds an icon or small picture, and corresponding text boxes show Level 1 and Level 2 text respectively. Works well for minimal Level 1 text accompanied by lengthier Level two text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/>
      </dgm:if>
      <dgm:else name="Name2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Node" refType="h" fact="0.45"/>
      <dgm:constr type="w" for="ch" forName="compNode" val="120"/>
      <dgm:constr type="w" for="ch" forName="sibTrans" refType="w" refFor="ch" refForName="compNode" fact="0.175"/>
      <dgm:constr type="primFontSz" for="des" forName="parTx" val="36"/>
      <dgm:constr type="primFontSz" for="des" forName="desTx" refType="primFontSz" refFor="des" refForName="parTx" op="lte" fact="0.75"/>
      <dgm:constr type="h" for="des" forName="compNode" op="equ"/>
      <dgm:constr type="h" for="des" forName="iconRect" op="equ"/>
      <dgm:constr type="w" for="des" forName="iconRect" op="equ"/>
      <dgm:constr type="h" for="des" forName="iconSpace" op="equ"/>
      <dgm:constr type="h" for="des" forName="parTx" op="equ"/>
      <dgm:constr type="h" for="des" forName="txSpace" op="equ"/>
      <dgm:constr type="h" for="des" forName="desTx" op="equ"/>
    </dgm:constrLst>
    <dgm:ruleLst>
      <dgm:rule type="w" for="ch" forName="compNode" val="0" fact="NaN" max="NaN"/>
    </dgm:ruleLst>
    <dgm:forEach name="Name3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Rect" refType="w" fact="0.35"/>
          <dgm:constr type="h" for="ch" forName="iconRect" refType="w" refFor="ch" refForName="iconRect"/>
          <dgm:constr type="l" for="ch" forName="iconRect"/>
          <dgm:constr type="t" for="ch" forName="iconRect"/>
          <dgm:constr type="w" for="ch" forName="iconSpace" refType="w"/>
          <dgm:constr type="h" for="ch" forName="iconSpace" refType="h" fact="0.043"/>
          <dgm:constr type="l" for="ch" forName="iconSpace"/>
          <dgm:constr type="t" for="ch" forName="iconSpace" refType="b" refFor="ch" refForName="iconRect"/>
          <dgm:constr type="w" for="ch" forName="parTx" refType="w"/>
          <dgm:constr type="h" for="ch" forName="parTx" refType="w" fact="0.15"/>
          <dgm:constr type="l" for="ch" forName="parTx"/>
          <dgm:constr type="t" for="ch" forName="parTx" refType="b" refFor="ch" refForName="iconSpace"/>
          <dgm:constr type="h" for="ch" forName="txSpace" refType="h" fact="0.02"/>
          <dgm:constr type="w" for="ch" forName="txSpace" refType="w"/>
          <dgm:constr type="l" for="ch" forName="txSpace"/>
          <dgm:constr type="t" for="ch" forName="txSpace" refType="b" refFor="ch" refForName="parTx"/>
          <dgm:constr type="w" for="ch" forName="desTx" refType="w"/>
          <dgm:constr type="l" for="ch" forName="desTx"/>
          <dgm:constr type="t" for="ch" forName="desTx" refType="b" refFor="ch" refForName="txSpace"/>
        </dgm:constrLst>
        <dgm:ruleLst>
          <dgm:rule type="h" val="INF" fact="NaN" max="NaN"/>
        </dgm:ruleLst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icon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4" fact="NaN" max="NaN"/>
            <dgm:rule type="h" val="INF" fact="NaN" max="NaN"/>
          </dgm:ruleLst>
        </dgm:layoutNode>
        <dgm:layoutNode name="tx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desTx" styleLbl="revTx">
          <dgm:varLst/>
          <dgm:alg type="tx">
            <dgm:param type="stBulletLvl" val="0"/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refType="primFontSz"/>
            <dgm:constr type="lMarg"/>
            <dgm:constr type="rMarg"/>
            <dgm:constr type="tMarg"/>
            <dgm:constr type="bMarg"/>
          </dgm:constrLst>
          <dgm:ruleLst>
            <dgm:rule type="primFontSz" val="NaN" fact="NaN" max="17"/>
            <dgm:rule type="h" val="INF" fact="NaN" max="NaN"/>
          </dgm:ruleLst>
        </dgm:layoutNode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  <a:defRPr b="1"/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77EB61B-E5FA-43FF-BB59-404821AB4319}" type="datetime1">
              <a:rPr lang="en-GB" smtClean="0"/>
              <a:t>27/04/2025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6E00B73-84F4-41CE-B303-0764B0E55F0E}" type="datetime1">
              <a:rPr lang="en-GB" smtClean="0"/>
              <a:t>27/04/2025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DBBF935-641B-7CAE-904A-E0376C2391B1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221236F8-290E-4086-9E9A-BDF84908B285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34375229-2AE1-CA00-16E0-2DFE95C9C48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0C27ED-7146-18D5-C1C2-E17FD8A7A3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Baggrund"/>
          <p:cNvSpPr/>
          <p:nvPr userDrawn="1"/>
        </p:nvSpPr>
        <p:spPr bwMode="white">
          <a:xfrm>
            <a:off x="1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GB" sz="1000" dirty="0" err="1"/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2492895"/>
            <a:ext cx="11341476" cy="870117"/>
          </a:xfrm>
        </p:spPr>
        <p:txBody>
          <a:bodyPr rIns="2160000" anchor="t" anchorCtr="0"/>
          <a:lstStyle>
            <a:lvl1pPr>
              <a:defRPr sz="3200" cap="none" baseline="0"/>
            </a:lvl1pPr>
          </a:lstStyle>
          <a:p>
            <a:r>
              <a:rPr lang="en-GB" dirty="0"/>
              <a:t>Klik for at indsætte </a:t>
            </a:r>
            <a:br>
              <a:rPr lang="da-DK" dirty="0"/>
            </a:br>
            <a:r>
              <a:rPr lang="en-GB" dirty="0"/>
              <a:t>overskrift i en eller to linjer</a:t>
            </a:r>
            <a:endParaRPr lang="en-GB"/>
          </a:p>
        </p:txBody>
      </p:sp>
      <p:sp>
        <p:nvSpPr>
          <p:cNvPr id="20" name="Pladsholder til tekst 2"/>
          <p:cNvSpPr>
            <a:spLocks noGrp="1"/>
          </p:cNvSpPr>
          <p:nvPr>
            <p:ph type="body" sz="quarter" idx="17" hasCustomPrompt="1"/>
          </p:nvPr>
        </p:nvSpPr>
        <p:spPr>
          <a:xfrm>
            <a:off x="424855" y="3822296"/>
            <a:ext cx="11341476" cy="470800"/>
          </a:xfrm>
        </p:spPr>
        <p:txBody>
          <a:bodyPr tIns="0" rIns="2160000" anchor="b"/>
          <a:lstStyle>
            <a:lvl1pPr marL="0" indent="0">
              <a:spcBef>
                <a:spcPts val="0"/>
              </a:spcBef>
              <a:buFontTx/>
              <a:buNone/>
              <a:defRPr sz="1400" b="0"/>
            </a:lvl1pPr>
          </a:lstStyle>
          <a:p>
            <a:pPr lvl="0"/>
            <a:r>
              <a:rPr lang="en-GB" dirty="0"/>
              <a:t>Klik her for at indsætte dato og evt. navn</a:t>
            </a:r>
            <a:endParaRPr lang="en-GB"/>
          </a:p>
        </p:txBody>
      </p:sp>
      <p:sp>
        <p:nvSpPr>
          <p:cNvPr id="14" name="Text Box 8"/>
          <p:cNvSpPr txBox="1">
            <a:spLocks noChangeArrowheads="1"/>
          </p:cNvSpPr>
          <p:nvPr userDrawn="1"/>
        </p:nvSpPr>
        <p:spPr bwMode="auto">
          <a:xfrm>
            <a:off x="424854" y="1268760"/>
            <a:ext cx="11341476" cy="8255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lIns="0" tIns="0" rIns="0" bIns="0" anchor="b"/>
          <a:lstStyle/>
          <a:p>
            <a:pPr algn="l">
              <a:lnSpc>
                <a:spcPts val="3000"/>
              </a:lnSpc>
            </a:pPr>
            <a:r>
              <a:rPr lang="en-GB" sz="3400" dirty="0">
                <a:latin typeface="Nationalbank" panose="020B0503040000020004" pitchFamily="2" charset="0"/>
              </a:rPr>
              <a:t>DANMARKS</a:t>
            </a:r>
            <a:br>
              <a:rPr lang="da-DK" sz="3400" dirty="0">
                <a:latin typeface="Nationalbank" panose="020B0503040000020004" pitchFamily="2" charset="0"/>
              </a:rPr>
            </a:br>
            <a:r>
              <a:rPr lang="en-GB" sz="3400" dirty="0">
                <a:latin typeface="Nationalbank" panose="020B0503040000020004" pitchFamily="2" charset="0"/>
              </a:rPr>
              <a:t>NATIONALBANK</a:t>
            </a:r>
            <a:endParaRPr lang="en-GB"/>
          </a:p>
        </p:txBody>
      </p:sp>
      <p:cxnSp>
        <p:nvCxnSpPr>
          <p:cNvPr id="18" name="Lige forbindelse 17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Logo">
            <a:extLst>
              <a:ext uri="{FF2B5EF4-FFF2-40B4-BE49-F238E27FC236}">
                <a16:creationId xmlns:a16="http://schemas.microsoft.com/office/drawing/2014/main" id="{3A70D1E8-BC43-530F-4338-218275C17A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144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2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C93C218-7FF2-4F07-8780-EDA323FB52B1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03051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3B902603-EAF6-42BD-9BF0-51D2D8FBA7EA}" type="datetime2">
              <a:rPr lang="en-GB" smtClean="0"/>
              <a:t>Sunday, 27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CA053A5B-7BE2-68E2-B7FE-8889F478459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7D0C241-7F62-7CC9-B156-EB903163D7BA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D7369D96-0516-2367-FAAF-A81AF874010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d96b8afa-50bc-4342-8bb2-986c92fc07cf&quot;}}">
            <a:extLst>
              <a:ext uri="{FF2B5EF4-FFF2-40B4-BE49-F238E27FC236}">
                <a16:creationId xmlns:a16="http://schemas.microsoft.com/office/drawing/2014/main" id="{4473CC7A-D808-549F-722D-0BA95490CC6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291461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73F4E1D-5C32-49E7-97CB-D57621232114}" type="datetime2">
              <a:rPr lang="en-GB" smtClean="0"/>
              <a:t>Sunday, 27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8675F5D2-DC03-73FD-57EA-0631CB0390EE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5F0AEC1E-F916-D8C1-1A23-A3D896BA554F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B1BF75A9-69FE-FD86-A35F-01D9664FB6A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36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38274079-d70e-45f8-accc-2fa639e2ba3f&quot;}}">
            <a:extLst>
              <a:ext uri="{FF2B5EF4-FFF2-40B4-BE49-F238E27FC236}">
                <a16:creationId xmlns:a16="http://schemas.microsoft.com/office/drawing/2014/main" id="{63A728E3-D1FE-81F3-36A1-EDB263C3CE81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443684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3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326B517-3B52-42D3-ACB9-392D6CA663F5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673671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508D419-FD63-426C-A810-ABE1451036F9}" type="datetime2">
              <a:rPr lang="en-GB" smtClean="0"/>
              <a:t>Sunday, 27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01BA9263-E6A0-583C-1024-86C7DE6E50DA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B6F5CE89-0896-BE5A-F8D0-EAC40C59701E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9377A36B-E2AE-F575-0C7C-49FF1EED9D88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b17a1e4b-d40c-4770-afd5-713e4a4630ce&quot;}}">
            <a:extLst>
              <a:ext uri="{FF2B5EF4-FFF2-40B4-BE49-F238E27FC236}">
                <a16:creationId xmlns:a16="http://schemas.microsoft.com/office/drawing/2014/main" id="{92510BFB-3800-C065-FF12-352475C7ECB3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07730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A276B8E-E2A0-42EA-BD8F-0BDC2C46FF55}" type="datetime2">
              <a:rPr lang="en-GB" smtClean="0"/>
              <a:t>Sunday, 27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A516E237-BAAB-00D2-8DA6-EDAD73D8D766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F80CED2-C571-EF6C-585A-5E5E2E81E324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0E3DB923-4F6C-F6DD-9C8E-2FAA0DE0A78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4633830a-fb84-44a5-a0df-73526a9e940b&quot;}}">
            <a:extLst>
              <a:ext uri="{FF2B5EF4-FFF2-40B4-BE49-F238E27FC236}">
                <a16:creationId xmlns:a16="http://schemas.microsoft.com/office/drawing/2014/main" id="{A57A193D-9F9F-B308-68FA-33567529EAC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912598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blad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" y="0"/>
            <a:ext cx="12192000" cy="68580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2200" b="0" i="0" u="none" strike="noStrike" cap="none" normalizeH="0" baseline="0" dirty="0">
              <a:ln>
                <a:noFill/>
              </a:ln>
              <a:solidFill>
                <a:schemeClr val="tx2"/>
              </a:solidFill>
              <a:effectLst/>
              <a:latin typeface="+mn-lt"/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 bwMode="white"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pic>
        <p:nvPicPr>
          <p:cNvPr id="8" name="LogoNeg">
            <a:extLst>
              <a:ext uri="{FF2B5EF4-FFF2-40B4-BE49-F238E27FC236}">
                <a16:creationId xmlns:a16="http://schemas.microsoft.com/office/drawing/2014/main" id="{FF1BD0F0-38A1-18C1-5651-CD22444958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442800" y="6109200"/>
            <a:ext cx="1522799" cy="562350"/>
          </a:xfrm>
          <a:prstGeom prst="rect">
            <a:avLst/>
          </a:prstGeom>
        </p:spPr>
      </p:pic>
      <p:sp>
        <p:nvSpPr>
          <p:cNvPr id="11" name="Pladsholder til dato 10">
            <a:extLst>
              <a:ext uri="{FF2B5EF4-FFF2-40B4-BE49-F238E27FC236}">
                <a16:creationId xmlns:a16="http://schemas.microsoft.com/office/drawing/2014/main" id="{59DBCF50-6E69-4DC0-E5E6-FBB6AE8811D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8A034D88-DCE1-E228-D431-DF36730236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D152D9C-07B4-65F4-DA4A-7A7690FF0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4" name="Date" descr="{&quot;templafy&quot;:{&quot;id&quot;:&quot;ee9b3fc6-4a26-4545-b1eb-16ff1df59c4c&quot;}}">
            <a:extLst>
              <a:ext uri="{FF2B5EF4-FFF2-40B4-BE49-F238E27FC236}">
                <a16:creationId xmlns:a16="http://schemas.microsoft.com/office/drawing/2014/main" id="{0C006F02-5C1B-FF90-90A0-466D2D5BB54E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970564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bla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dato 12" hidden="1">
            <a:extLst>
              <a:ext uri="{FF2B5EF4-FFF2-40B4-BE49-F238E27FC236}">
                <a16:creationId xmlns:a16="http://schemas.microsoft.com/office/drawing/2014/main" id="{C1BA4B5B-8DEB-AF2D-7DAE-8E53751A6C8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accent2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sp>
        <p:nvSpPr>
          <p:cNvPr id="14" name="Pladsholder til sidefod 13">
            <a:extLst>
              <a:ext uri="{FF2B5EF4-FFF2-40B4-BE49-F238E27FC236}">
                <a16:creationId xmlns:a16="http://schemas.microsoft.com/office/drawing/2014/main" id="{AFE7C8A7-CE6B-9618-54D0-B6C74424A3D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352F7897-F1E4-63E8-DD1E-ADC38E3C3E0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Date" descr="{&quot;templafy&quot;:{&quot;id&quot;:&quot;956dff95-a77e-4444-9a30-395a79deed2c&quot;}}">
            <a:extLst>
              <a:ext uri="{FF2B5EF4-FFF2-40B4-BE49-F238E27FC236}">
                <a16:creationId xmlns:a16="http://schemas.microsoft.com/office/drawing/2014/main" id="{05055FB6-676A-467D-BD53-C1DAB82D9CD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2565359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86F8E326-C08F-4A91-AC39-AC597CF03D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5A8699-8BBB-435B-9977-AD9205762614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FC1E843-D1B7-4A1B-88E0-600F68E235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6FD6CF0-63E8-4640-A2FA-617A92A157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AED2B4DF-878F-FF9A-809E-C8E3053777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1414D71-1D5C-4DBB-9DF3-E84041097B91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1124744"/>
            <a:ext cx="11341476" cy="995280"/>
          </a:xfrm>
        </p:spPr>
        <p:txBody>
          <a:bodyPr rIns="0" anchor="b" anchorCtr="0"/>
          <a:lstStyle>
            <a:lvl1pPr algn="ctr">
              <a:defRPr sz="3200" cap="none" baseline="0"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cxnSp>
        <p:nvCxnSpPr>
          <p:cNvPr id="11" name="Lige forbindelse 10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6A4AF53A-C66B-DC8B-4B53-FF003F396E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9F248BF-18A1-AA30-2171-CACD4C0DDD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82984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hvid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7E83011-5AF9-4949-A20B-633CF9806B0B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på rammen for at indsætte et mørk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442800" y="3240000"/>
            <a:ext cx="5526200" cy="1656000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>
                <a:solidFill>
                  <a:schemeClr val="bg1"/>
                </a:solidFill>
              </a:defRPr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HI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9425" y="1127096"/>
            <a:ext cx="2772000" cy="54444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for at se vinduet til højre på skærmen, hvis det ikke allerede er der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for at søge efter billede</a:t>
            </a:r>
            <a:endParaRPr lang="en-GB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54986" y="1127096"/>
            <a:ext cx="2772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36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.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b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napperne i Templafy vinduet i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øjre side af skærmen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3864" y="1127096"/>
            <a:ext cx="277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YPOGRAFI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en-GB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en-GB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116333" y="2886030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116333" y="2149622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16333" y="3651009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3116333" y="5336862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95113" y="2985903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136614" y="4066798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423864" y="311200"/>
            <a:ext cx="11342686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en-GB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6333" y="4427206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24334" y="1685258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F4554D5-0EAD-40BF-98B1-4B4FACDAD75E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5" name="Billede 26">
            <a:extLst>
              <a:ext uri="{FF2B5EF4-FFF2-40B4-BE49-F238E27FC236}">
                <a16:creationId xmlns:a16="http://schemas.microsoft.com/office/drawing/2014/main" id="{9792A83C-2258-48A0-932F-70B2FEA4C109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7094852" y="1510428"/>
            <a:ext cx="305786" cy="365851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F9E26A3C-CAB2-4B09-9A1C-44C2BC07DE3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1"/>
          <a:srcRect l="50000" t="50000" b="4554"/>
          <a:stretch/>
        </p:blipFill>
        <p:spPr>
          <a:xfrm>
            <a:off x="7028991" y="2236720"/>
            <a:ext cx="437508" cy="365851"/>
          </a:xfrm>
          <a:prstGeom prst="rect">
            <a:avLst/>
          </a:prstGeom>
        </p:spPr>
      </p:pic>
      <p:grpSp>
        <p:nvGrpSpPr>
          <p:cNvPr id="35" name="Group 34">
            <a:extLst>
              <a:ext uri="{FF2B5EF4-FFF2-40B4-BE49-F238E27FC236}">
                <a16:creationId xmlns:a16="http://schemas.microsoft.com/office/drawing/2014/main" id="{50AC19EB-0876-4AD2-A993-BF4251CF88A7}"/>
              </a:ext>
            </a:extLst>
          </p:cNvPr>
          <p:cNvGrpSpPr/>
          <p:nvPr userDrawn="1"/>
        </p:nvGrpSpPr>
        <p:grpSpPr>
          <a:xfrm>
            <a:off x="10363234" y="5348021"/>
            <a:ext cx="991746" cy="384654"/>
            <a:chOff x="10992821" y="4404000"/>
            <a:chExt cx="1588357" cy="616052"/>
          </a:xfrm>
        </p:grpSpPr>
        <p:pic>
          <p:nvPicPr>
            <p:cNvPr id="40" name="Picture 39">
              <a:extLst>
                <a:ext uri="{FF2B5EF4-FFF2-40B4-BE49-F238E27FC236}">
                  <a16:creationId xmlns:a16="http://schemas.microsoft.com/office/drawing/2014/main" id="{39B144DF-43C1-4F2A-846E-CE1C72156335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41" name="Picture 40">
              <a:extLst>
                <a:ext uri="{FF2B5EF4-FFF2-40B4-BE49-F238E27FC236}">
                  <a16:creationId xmlns:a16="http://schemas.microsoft.com/office/drawing/2014/main" id="{2FD2B8FD-2C72-40D1-A37C-6C49B7D2B8F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87583718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1">
                <a:solidFill>
                  <a:schemeClr val="bg1"/>
                </a:solidFill>
              </a:rPr>
              <a:t>Hvis du ser andre </a:t>
            </a:r>
            <a:r>
              <a:rPr lang="en-GB" sz="4400" b="1" i="1" noProof="1">
                <a:solidFill>
                  <a:schemeClr val="bg1"/>
                </a:solidFill>
              </a:rPr>
              <a:t>layouts efter dette,</a:t>
            </a:r>
            <a:br>
              <a:rPr lang="da-DK" sz="4400" b="0" i="0" noProof="1">
                <a:solidFill>
                  <a:schemeClr val="bg1"/>
                </a:solidFill>
              </a:rPr>
            </a:br>
            <a:r>
              <a:rPr lang="en-GB" sz="4400" b="0" noProof="1">
                <a:solidFill>
                  <a:schemeClr val="bg1"/>
                </a:solidFill>
              </a:rPr>
              <a:t>brug dem ikke. Disse layouts </a:t>
            </a:r>
            <a:r>
              <a:rPr lang="en-GB" sz="4400" b="1" i="1" u="none" noProof="1">
                <a:solidFill>
                  <a:schemeClr val="bg1"/>
                </a:solidFill>
              </a:rPr>
              <a:t>tilhører ikke </a:t>
            </a:r>
            <a:r>
              <a:rPr lang="en-GB" sz="4400" b="0" i="0" u="none" noProof="1">
                <a:solidFill>
                  <a:schemeClr val="bg1"/>
                </a:solidFill>
              </a:rPr>
              <a:t>vores corporate </a:t>
            </a:r>
            <a:r>
              <a:rPr lang="en-GB" sz="4400" b="0" noProof="1">
                <a:solidFill>
                  <a:schemeClr val="bg1"/>
                </a:solidFill>
              </a:rPr>
              <a:t>skabelon.</a:t>
            </a:r>
            <a:br>
              <a:rPr lang="da-DK" sz="2800" b="0" noProof="1">
                <a:solidFill>
                  <a:schemeClr val="bg1"/>
                </a:solidFill>
              </a:rPr>
            </a:br>
            <a:br>
              <a:rPr lang="da-DK" sz="2800" b="0" noProof="1">
                <a:solidFill>
                  <a:schemeClr val="bg1"/>
                </a:solidFill>
              </a:rPr>
            </a:br>
            <a:endParaRPr lang="en-GB" sz="2800" b="0" noProof="1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0000" b="1" i="1" noProof="1">
                <a:solidFill>
                  <a:schemeClr val="bg1"/>
                </a:solidFill>
              </a:rPr>
              <a:t>Brug dem ikke </a:t>
            </a:r>
            <a:endParaRPr lang="en-GB" sz="10000" b="1" i="1" noProof="1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12772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en-GB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1">
                <a:solidFill>
                  <a:schemeClr val="bg1"/>
                </a:solidFill>
              </a:rPr>
            </a:br>
            <a:endParaRPr lang="en-GB" sz="1800" b="0" noProof="1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1CE23B-B84B-4486-83AC-A2D839CB69E9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sort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5C298C-1B80-41BE-ACFE-0FFB678C561A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Klik på rammen for at indsætte et lys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42800" y="3240000"/>
            <a:ext cx="5526200" cy="1655762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/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1584654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9180000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for at indsætte tekst                                                                   Klik ENTER og derefter TAB for at se næste tekstformat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11342687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på rammen for at indsætte billede via Templafy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257022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/billede 2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6FEB6DD9-734A-4FA8-A1CB-C1C36D645F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1F5F64-2DA4-475A-A8E9-D5C53A3EF46F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3863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4801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                                Klik for at indsætte tekst                     Klik ENTER og derefter TAB for at se næste tekstformat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2350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AD15D48-4ED7-45AA-998F-4E4EAC08EE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F0DB9D-F098-4650-9BA3-F7CF306A2AB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FC87C363-C194-1652-B944-F4F491B63BA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1 spalte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2FCB603-C396-4B00-8583-A911AF0410C5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29133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3CC9B0B-9B49-4785-B00F-166EC2D03963}" type="datetime2">
              <a:rPr lang="en-GB" smtClean="0"/>
              <a:t>Sunday, 27 April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1AADD589-CB0C-78DB-D991-EE3E2DB6410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ED9A6D80-9063-542E-BF9B-68DDE730D1F6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CBB335BF-CC2D-F3A3-35F3-1F8C86C9446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0db91bea-2f63-48b2-9d5f-265510750755&quot;}}">
            <a:extLst>
              <a:ext uri="{FF2B5EF4-FFF2-40B4-BE49-F238E27FC236}">
                <a16:creationId xmlns:a16="http://schemas.microsoft.com/office/drawing/2014/main" id="{C49C20D4-295A-EA91-DE6D-587E02D1B854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555256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3548D0F-FD05-4B2A-835F-986DAA1C5630}" type="datetime2">
              <a:rPr lang="en-GB" smtClean="0"/>
              <a:t>Sunday, 27 April 2025</a:t>
            </a:fld>
            <a:endParaRPr lang="en-GB" dirty="0"/>
          </a:p>
        </p:txBody>
      </p: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D6A4C236-4AAC-3A38-146D-B9CE8040A63D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17" name="Baggrund">
              <a:extLst>
                <a:ext uri="{FF2B5EF4-FFF2-40B4-BE49-F238E27FC236}">
                  <a16:creationId xmlns:a16="http://schemas.microsoft.com/office/drawing/2014/main" id="{8C363A4A-DFE8-8E36-4408-6E078F28AB48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8" name="Logo">
              <a:extLst>
                <a:ext uri="{FF2B5EF4-FFF2-40B4-BE49-F238E27FC236}">
                  <a16:creationId xmlns:a16="http://schemas.microsoft.com/office/drawing/2014/main" id="{EE6AF6A3-4C9E-B092-13F4-524F0FD41B3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" descr="{&quot;templafy&quot;:{&quot;id&quot;:&quot;58858913-8293-4a35-9f2e-d140dd51e076&quot;}}">
            <a:extLst>
              <a:ext uri="{FF2B5EF4-FFF2-40B4-BE49-F238E27FC236}">
                <a16:creationId xmlns:a16="http://schemas.microsoft.com/office/drawing/2014/main" id="{6B0B0D26-32E1-2AA2-36DB-1D3244EA536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88908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en-GB" dirty="0"/>
              <a:t>Klik for at tilføje titel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24800" y="1353600"/>
            <a:ext cx="11342688" cy="432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Niveau 1                                                                                                                                          Klik ENTER og derefter TAB for at se næste tekstformat                                   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Niveau 2</a:t>
            </a:r>
            <a:endParaRPr lang="en-GB"/>
          </a:p>
          <a:p>
            <a:pPr lvl="2"/>
            <a:r>
              <a:rPr lang="en-GB" noProof="0" dirty="0"/>
              <a:t>Niveau 3</a:t>
            </a:r>
            <a:endParaRPr lang="en-GB"/>
          </a:p>
          <a:p>
            <a:pPr lvl="3"/>
            <a:r>
              <a:rPr lang="en-GB" noProof="0" dirty="0"/>
              <a:t>Niveau 4, Overskrift</a:t>
            </a:r>
            <a:endParaRPr lang="en-GB"/>
          </a:p>
          <a:p>
            <a:pPr lvl="4"/>
            <a:r>
              <a:rPr lang="en-GB" noProof="0" dirty="0"/>
              <a:t>Niveau 5, Brødtekst</a:t>
            </a:r>
            <a:endParaRPr lang="en-GB"/>
          </a:p>
          <a:p>
            <a:pPr lvl="5"/>
            <a:r>
              <a:rPr lang="en-GB" noProof="0" dirty="0"/>
              <a:t>Niveau 6</a:t>
            </a:r>
            <a:endParaRPr lang="en-GB"/>
          </a:p>
          <a:p>
            <a:pPr lvl="6"/>
            <a:r>
              <a:rPr lang="en-GB" noProof="0" dirty="0"/>
              <a:t>Niveau 7, lille overskrift</a:t>
            </a:r>
            <a:endParaRPr lang="en-GB"/>
          </a:p>
          <a:p>
            <a:pPr lvl="7"/>
            <a:r>
              <a:rPr lang="en-GB" noProof="0" dirty="0"/>
              <a:t>Niveau 8, lille brødtekst</a:t>
            </a:r>
            <a:endParaRPr lang="en-GB"/>
          </a:p>
          <a:p>
            <a:pPr lvl="8"/>
            <a:r>
              <a:rPr lang="en-GB" noProof="0" dirty="0"/>
              <a:t>Niveau 9, Infografik</a:t>
            </a:r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055510" y="6426000"/>
            <a:ext cx="71197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99000"/>
              </a:lnSpc>
              <a:defRPr sz="1000">
                <a:noFill/>
              </a:defRPr>
            </a:lvl1pPr>
          </a:lstStyle>
          <a:p>
            <a:fld id="{140D992D-30AB-4172-B2B1-51E5D34255DD}" type="datetime2">
              <a:rPr lang="en-GB" smtClean="0"/>
              <a:t>Sunday, 27 April 2025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221413" y="6426000"/>
            <a:ext cx="483409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31" name="Logo">
            <a:extLst>
              <a:ext uri="{FF2B5EF4-FFF2-40B4-BE49-F238E27FC236}">
                <a16:creationId xmlns:a16="http://schemas.microsoft.com/office/drawing/2014/main" id="{CC5E06D4-5E02-EE87-0012-3E83875F41E7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  <p:sp>
        <p:nvSpPr>
          <p:cNvPr id="10" name="Date" descr="{&quot;templafy&quot;:{&quot;id&quot;:&quot;0e2e5a9b-d7e8-4464-9c53-ee15333de781&quot;}}">
            <a:extLst>
              <a:ext uri="{FF2B5EF4-FFF2-40B4-BE49-F238E27FC236}">
                <a16:creationId xmlns:a16="http://schemas.microsoft.com/office/drawing/2014/main" id="{42943DDB-F3BE-8E24-F5FB-DBD274E0359D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0" r:id="rId1"/>
    <p:sldLayoutId id="2147483730" r:id="rId2"/>
    <p:sldLayoutId id="2147483791" r:id="rId3"/>
    <p:sldLayoutId id="2147483732" r:id="rId4"/>
    <p:sldLayoutId id="2147483811" r:id="rId5"/>
    <p:sldLayoutId id="2147483755" r:id="rId6"/>
    <p:sldLayoutId id="2147483805" r:id="rId7"/>
    <p:sldLayoutId id="2147483806" r:id="rId8"/>
    <p:sldLayoutId id="2147483807" r:id="rId9"/>
    <p:sldLayoutId id="2147483800" r:id="rId10"/>
    <p:sldLayoutId id="2147483803" r:id="rId11"/>
    <p:sldLayoutId id="2147483804" r:id="rId12"/>
    <p:sldLayoutId id="2147483798" r:id="rId13"/>
    <p:sldLayoutId id="2147483801" r:id="rId14"/>
    <p:sldLayoutId id="2147483802" r:id="rId15"/>
    <p:sldLayoutId id="2147483808" r:id="rId16"/>
    <p:sldLayoutId id="2147483809" r:id="rId17"/>
    <p:sldLayoutId id="2147483744" r:id="rId18"/>
    <p:sldLayoutId id="2147483810" r:id="rId19"/>
    <p:sldLayoutId id="2147483780" r:id="rId20"/>
    <p:sldLayoutId id="2147483753" r:id="rId21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9000"/>
        </a:lnSpc>
        <a:spcBef>
          <a:spcPts val="2000"/>
        </a:spcBef>
        <a:spcAft>
          <a:spcPts val="0"/>
        </a:spcAft>
        <a:buFont typeface="Arial" panose="020B0604020202020204" pitchFamily="34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2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2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56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67">
          <p15:clr>
            <a:srgbClr val="A4A3A4"/>
          </p15:clr>
        </p15:guide>
        <p15:guide id="2" pos="1326">
          <p15:clr>
            <a:srgbClr val="A4A3A4"/>
          </p15:clr>
        </p15:guide>
        <p15:guide id="3" orient="horz" pos="183">
          <p15:clr>
            <a:srgbClr val="A4A3A4"/>
          </p15:clr>
        </p15:guide>
        <p15:guide id="4" orient="horz" pos="3778">
          <p15:clr>
            <a:srgbClr val="A4A3A4"/>
          </p15:clr>
        </p15:guide>
        <p15:guide id="5" pos="1484">
          <p15:clr>
            <a:srgbClr val="A4A3A4"/>
          </p15:clr>
        </p15:guide>
        <p15:guide id="6" pos="2543">
          <p15:clr>
            <a:srgbClr val="A4A3A4"/>
          </p15:clr>
        </p15:guide>
        <p15:guide id="7" pos="2702">
          <p15:clr>
            <a:srgbClr val="A4A3A4"/>
          </p15:clr>
        </p15:guide>
        <p15:guide id="8" pos="3760">
          <p15:clr>
            <a:srgbClr val="A4A3A4"/>
          </p15:clr>
        </p15:guide>
        <p15:guide id="9" pos="3919">
          <p15:clr>
            <a:srgbClr val="A4A3A4"/>
          </p15:clr>
        </p15:guide>
        <p15:guide id="10" pos="4977">
          <p15:clr>
            <a:srgbClr val="A4A3A4"/>
          </p15:clr>
        </p15:guide>
        <p15:guide id="11" pos="5136">
          <p15:clr>
            <a:srgbClr val="A4A3A4"/>
          </p15:clr>
        </p15:guide>
        <p15:guide id="12" pos="6195">
          <p15:clr>
            <a:srgbClr val="A4A3A4"/>
          </p15:clr>
        </p15:guide>
        <p15:guide id="13" pos="6353">
          <p15:clr>
            <a:srgbClr val="A4A3A4"/>
          </p15:clr>
        </p15:guide>
        <p15:guide id="14" pos="7412">
          <p15:clr>
            <a:srgbClr val="A4A3A4"/>
          </p15:clr>
        </p15:guide>
        <p15:guide id="15" orient="horz" pos="696">
          <p15:clr>
            <a:srgbClr val="A4A3A4"/>
          </p15:clr>
        </p15:guide>
        <p15:guide id="16" orient="horz" pos="85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5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5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5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5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5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image" Target="../media/image39.gif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42.png"/><Relationship Id="rId4" Type="http://schemas.openxmlformats.org/officeDocument/2006/relationships/image" Target="../media/image41.gif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5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0.png"/><Relationship Id="rId2" Type="http://schemas.openxmlformats.org/officeDocument/2006/relationships/image" Target="../media/image250.png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5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Monetary Policy and the Distribution of Wealth and Income: A Deep Learning Approach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</a:t>
            </a:fld>
            <a:endParaRPr lang="en-GB"/>
          </a:p>
        </p:txBody>
      </p:sp>
      <p:graphicFrame>
        <p:nvGraphicFramePr>
          <p:cNvPr id="8" name="Tekstfelt 2">
            <a:extLst>
              <a:ext uri="{FF2B5EF4-FFF2-40B4-BE49-F238E27FC236}">
                <a16:creationId xmlns:a16="http://schemas.microsoft.com/office/drawing/2014/main" id="{33401BF6-5F48-25B0-11C4-B8E23E743FC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986101201"/>
              </p:ext>
            </p:extLst>
          </p:nvPr>
        </p:nvGraphicFramePr>
        <p:xfrm>
          <a:off x="423863" y="1352550"/>
          <a:ext cx="11342687" cy="4320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67554646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B016621-367B-1789-AF10-EDBD8E9DAC7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12FB983-DF94-C767-215C-7DD84313B0E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Wealth Distribution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BDA9725-D0B9-5F08-FFA0-889D1D25D60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0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C0CCD7BA-40B3-D01D-503D-3FA2D629D89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10015" y="1223217"/>
            <a:ext cx="8062122" cy="47975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144807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374BB9F-E327-9F89-7788-610B23173F4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5E4D752-C745-C77C-7395-70699D4D71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Income Distribution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743A73F-1C2C-C2AC-1318-46BFECE4BC6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1</a:t>
            </a:fld>
            <a:endParaRPr lang="en-GB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05784E3C-2775-DD20-E36D-AE9CE9422B0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6925" y="1350724"/>
            <a:ext cx="8554120" cy="4828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7268855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860907-E64F-6D83-7194-D1390462BB3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608A77-82A8-12EC-233F-ACF1045AF8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sults</a:t>
            </a:r>
            <a:r>
              <a:rPr lang="da-DK" dirty="0"/>
              <a:t> - </a:t>
            </a:r>
            <a:r>
              <a:rPr lang="da-DK" dirty="0" err="1"/>
              <a:t>Extending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8041987-EC97-62E6-73BE-E82F339C6CA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Heterogenous Agen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206667E-320B-E0D2-2F12-0E119D94FE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2891151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A6EA8B3-AEC5-E239-25CF-12DB3202F6B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A6AB6F7-D26A-39E4-0F09-ED02715307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Expanding &amp; Experimenting – States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F78F7D-39DF-E2CB-B2BD-A93E02E51B6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3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A95CABBF-FB5D-0855-B0B1-6368E33DABA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49237" y="1361269"/>
            <a:ext cx="9113978" cy="47462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461174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832FD3-339E-24D7-80FE-D3FF6763E04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0A379C2-4A06-9812-5621-8DDBE8D748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Expanding &amp; Experimenting – Distributional Impact on Wealth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A5FCF3F-63F0-440A-84DE-1F5B91688E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4</a:t>
            </a:fld>
            <a:endParaRPr lang="en-GB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2C35B1D2-184A-751D-825D-06A0FE4A723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39879" y="1716657"/>
            <a:ext cx="7597207" cy="41579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250230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72BD9A2-B076-4956-5F7A-425AA6D7A1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93CA6D6-47F5-32FF-C94E-A81BF39182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Expanding &amp; Experimenting – Distributional Impact on Incom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B82BEF8-F734-32D3-6257-7D522A9FD7B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5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71A96BCC-5B28-51E4-1F6C-EE825DCA10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69347" y="1616499"/>
            <a:ext cx="8253306" cy="44861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626997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5CC25CD-0598-9787-EB57-F211E757A6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877ECDF-63C9-4EDA-8E73-42FDB00064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Expanding &amp; Experimenting – Wealth Inequality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6E9B9C7-1D20-23F1-67E4-8D2BC90DEE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6</a:t>
            </a:fld>
            <a:endParaRPr lang="en-GB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3866C34C-BBE3-F6A4-98E3-39C5BC2AB7D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30871" y="1307156"/>
            <a:ext cx="7630590" cy="53823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09530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847B37-2325-DC8B-6BD6-E3ECE1378C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ppendix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3066BF-44CD-ECAE-AEBA-FAA9CAEB19C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64AAE4-A2BA-2702-B558-768734BC226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895652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F0D1A80-622F-7316-073E-CBF653DD401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60659" y="2185261"/>
            <a:ext cx="2941279" cy="284715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5747813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8" name="Billede 7" descr="Et billede, der indeholder lys&#10;&#10;Indhold genereret af kunstig intelligens kan være forkert.">
            <a:extLst>
              <a:ext uri="{FF2B5EF4-FFF2-40B4-BE49-F238E27FC236}">
                <a16:creationId xmlns:a16="http://schemas.microsoft.com/office/drawing/2014/main" id="{EC8E4B8B-DA75-9BDC-68EC-827455F854D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4" y="1959285"/>
            <a:ext cx="5789457" cy="3859638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311F2237-8B07-6FA3-D017-E971610C8D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910" y="1385766"/>
            <a:ext cx="5495925" cy="4400550"/>
          </a:xfrm>
          <a:prstGeom prst="rect">
            <a:avLst/>
          </a:prstGeom>
        </p:spPr>
      </p:pic>
      <p:pic>
        <p:nvPicPr>
          <p:cNvPr id="5" name="Billede 4" descr="Et billede, der indeholder tandstikker/hakke, værktøj&#10;&#10;Indhold genereret af kunstig intelligens kan være forkert.">
            <a:extLst>
              <a:ext uri="{FF2B5EF4-FFF2-40B4-BE49-F238E27FC236}">
                <a16:creationId xmlns:a16="http://schemas.microsoft.com/office/drawing/2014/main" id="{25458034-C07C-B6DC-6030-B7778C6A5AB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3" y="2008923"/>
            <a:ext cx="5715000" cy="3810000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B7F99095-7549-BC01-13AD-470B6470102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220832" y="1968928"/>
            <a:ext cx="5789457" cy="38336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51754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nextClick" afterEffect="1"/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nextClick" afterEffect="1"/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A5E1BE9-8F60-D4B5-93A0-32DCD25484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1128B97-1972-48D3-A5F3-06B953660F2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/>
              <a:t>The Bellman Equation</a:t>
            </a:r>
          </a:p>
        </p:txBody>
      </p:sp>
      <p:pic>
        <p:nvPicPr>
          <p:cNvPr id="7" name="Billede 6" descr="Et billede, der indeholder tekst, håndskrift, skærmbillede, Font/skrifttype&#10;&#10;Indhold genereret af kunstig intelligens kan være forkert.">
            <a:extLst>
              <a:ext uri="{FF2B5EF4-FFF2-40B4-BE49-F238E27FC236}">
                <a16:creationId xmlns:a16="http://schemas.microsoft.com/office/drawing/2014/main" id="{013B9324-DC00-F58B-34FB-D26229B08C2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75206" y="1352550"/>
            <a:ext cx="5040000" cy="4320000"/>
          </a:xfrm>
          <a:prstGeom prst="rect">
            <a:avLst/>
          </a:prstGeom>
          <a:noFill/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F53D5A5-75C8-D3DC-EB44-2CC980D92D4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1796449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nnecting</a:t>
            </a:r>
            <a:r>
              <a:rPr lang="da-DK" dirty="0"/>
              <a:t> DRL to </a:t>
            </a:r>
            <a:r>
              <a:rPr lang="da-DK" dirty="0" err="1"/>
              <a:t>Economics</a:t>
            </a:r>
            <a:r>
              <a:rPr lang="da-DK" dirty="0"/>
              <a:t> (and the RQ)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4D514596-FF49-3877-5342-E8966FC89A58}"/>
              </a:ext>
            </a:extLst>
          </p:cNvPr>
          <p:cNvSpPr/>
          <p:nvPr/>
        </p:nvSpPr>
        <p:spPr>
          <a:xfrm>
            <a:off x="4634953" y="4754865"/>
            <a:ext cx="3182543" cy="1325564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9" name="Rektangel: afrundede hjørner 8">
            <a:extLst>
              <a:ext uri="{FF2B5EF4-FFF2-40B4-BE49-F238E27FC236}">
                <a16:creationId xmlns:a16="http://schemas.microsoft.com/office/drawing/2014/main" id="{A8670D67-99DC-2668-5595-62C567B7A668}"/>
              </a:ext>
            </a:extLst>
          </p:cNvPr>
          <p:cNvSpPr/>
          <p:nvPr/>
        </p:nvSpPr>
        <p:spPr>
          <a:xfrm>
            <a:off x="4591997" y="1378785"/>
            <a:ext cx="3268458" cy="2625970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 dirty="0"/>
          </a:p>
        </p:txBody>
      </p:sp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F00CF61B-AF63-7923-B2BD-8FCD891D1AE5}"/>
              </a:ext>
            </a:extLst>
          </p:cNvPr>
          <p:cNvCxnSpPr/>
          <p:nvPr/>
        </p:nvCxnSpPr>
        <p:spPr>
          <a:xfrm>
            <a:off x="3097036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9B65D1E8-9128-CFC1-2156-8A708CED1892}"/>
              </a:ext>
            </a:extLst>
          </p:cNvPr>
          <p:cNvCxnSpPr>
            <a:cxnSpLocks/>
          </p:cNvCxnSpPr>
          <p:nvPr/>
        </p:nvCxnSpPr>
        <p:spPr>
          <a:xfrm>
            <a:off x="3097036" y="2060298"/>
            <a:ext cx="2090558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2" name="Rektangel 11">
            <a:extLst>
              <a:ext uri="{FF2B5EF4-FFF2-40B4-BE49-F238E27FC236}">
                <a16:creationId xmlns:a16="http://schemas.microsoft.com/office/drawing/2014/main" id="{C99B078F-ED72-4BF2-509F-77029DDE5A42}"/>
              </a:ext>
            </a:extLst>
          </p:cNvPr>
          <p:cNvSpPr/>
          <p:nvPr/>
        </p:nvSpPr>
        <p:spPr>
          <a:xfrm>
            <a:off x="5270885" y="1658319"/>
            <a:ext cx="1910681" cy="1198424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300" b="1" dirty="0"/>
              <a:t>Policy by Neural Network: </a:t>
            </a:r>
            <a:br>
              <a:rPr lang="en-GB" sz="1300" dirty="0"/>
            </a:br>
            <a:r>
              <a:rPr lang="en-GB" sz="1300" dirty="0"/>
              <a:t>Consume, labour hours, debt, investments</a:t>
            </a:r>
            <a:br>
              <a:rPr lang="en-GB" sz="1300" dirty="0"/>
            </a:br>
            <a:r>
              <a:rPr lang="en-GB" sz="1300" dirty="0"/>
              <a:t>Estimated by ANN</a:t>
            </a:r>
            <a:endParaRPr lang="en-DK" sz="1300" dirty="0"/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C26866EA-278E-8773-5106-54A2EBFE4A1D}"/>
              </a:ext>
            </a:extLst>
          </p:cNvPr>
          <p:cNvSpPr txBox="1"/>
          <p:nvPr/>
        </p:nvSpPr>
        <p:spPr>
          <a:xfrm>
            <a:off x="1444388" y="3477215"/>
            <a:ext cx="82500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States</a:t>
            </a:r>
            <a:r>
              <a:rPr lang="en-GB" sz="1600" b="1" dirty="0"/>
              <a:t>:</a:t>
            </a:r>
            <a:endParaRPr lang="en-DK" b="1" dirty="0"/>
          </a:p>
        </p:txBody>
      </p:sp>
      <p:sp>
        <p:nvSpPr>
          <p:cNvPr id="14" name="Tekstfelt 13">
            <a:extLst>
              <a:ext uri="{FF2B5EF4-FFF2-40B4-BE49-F238E27FC236}">
                <a16:creationId xmlns:a16="http://schemas.microsoft.com/office/drawing/2014/main" id="{99C4F2AA-CF0D-1E0C-C5F3-23F6F1AD7530}"/>
              </a:ext>
            </a:extLst>
          </p:cNvPr>
          <p:cNvSpPr txBox="1"/>
          <p:nvPr/>
        </p:nvSpPr>
        <p:spPr>
          <a:xfrm>
            <a:off x="5051291" y="1375808"/>
            <a:ext cx="229772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600" b="1" dirty="0"/>
              <a:t>Agent</a:t>
            </a:r>
            <a:r>
              <a:rPr lang="en-GB" sz="1600" dirty="0"/>
              <a:t> = Household</a:t>
            </a:r>
            <a:endParaRPr lang="en-DK" sz="16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/>
              <p:nvPr/>
            </p:nvSpPr>
            <p:spPr>
              <a:xfrm>
                <a:off x="640010" y="3789944"/>
                <a:ext cx="2182761" cy="580865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(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𝑚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𝑤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𝑞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, </m:t>
                          </m:r>
                        </m:sub>
                      </m:sSub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𝜋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,</m:t>
                      </m:r>
                      <m:sSubSup>
                        <m:sSubSup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sup>
                      </m:sSubSup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,</m:t>
                      </m:r>
                      <m:sSubSup>
                        <m:sSubSup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𝑒</m:t>
                          </m:r>
                        </m:sup>
                      </m:sSubSup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b="0" i="1" dirty="0">
                  <a:latin typeface="Cambria Math" panose="02040503050406030204" pitchFamily="18" charset="0"/>
                </a:endParaRPr>
              </a:p>
              <a:p>
                <a:endParaRPr lang="en-DK" dirty="0"/>
              </a:p>
            </p:txBody>
          </p:sp>
        </mc:Choice>
        <mc:Fallback xmlns=""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40010" y="3789944"/>
                <a:ext cx="2182761" cy="580865"/>
              </a:xfrm>
              <a:prstGeom prst="rect">
                <a:avLst/>
              </a:prstGeom>
              <a:blipFill>
                <a:blip r:embed="rId2"/>
                <a:stretch>
                  <a:fillRect l="-5028" t="-1053" r="-14804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6" name="Lige forbindelse 15">
            <a:extLst>
              <a:ext uri="{FF2B5EF4-FFF2-40B4-BE49-F238E27FC236}">
                <a16:creationId xmlns:a16="http://schemas.microsoft.com/office/drawing/2014/main" id="{E6692775-A392-D05A-4932-B884A0D283BF}"/>
              </a:ext>
            </a:extLst>
          </p:cNvPr>
          <p:cNvCxnSpPr>
            <a:cxnSpLocks/>
            <a:stCxn id="7" idx="1"/>
          </p:cNvCxnSpPr>
          <p:nvPr/>
        </p:nvCxnSpPr>
        <p:spPr>
          <a:xfrm flipH="1">
            <a:off x="3097036" y="5417647"/>
            <a:ext cx="1537917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26F28598-225E-AFA1-91D2-8E245886BDFA}"/>
              </a:ext>
            </a:extLst>
          </p:cNvPr>
          <p:cNvCxnSpPr>
            <a:cxnSpLocks/>
            <a:stCxn id="7" idx="0"/>
            <a:endCxn id="9" idx="2"/>
          </p:cNvCxnSpPr>
          <p:nvPr/>
        </p:nvCxnSpPr>
        <p:spPr>
          <a:xfrm flipV="1">
            <a:off x="6226225" y="4004755"/>
            <a:ext cx="1" cy="75011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8" name="Tekstfelt 17">
            <a:extLst>
              <a:ext uri="{FF2B5EF4-FFF2-40B4-BE49-F238E27FC236}">
                <a16:creationId xmlns:a16="http://schemas.microsoft.com/office/drawing/2014/main" id="{17CABAA3-B00F-FB00-644F-18961F2BD049}"/>
              </a:ext>
            </a:extLst>
          </p:cNvPr>
          <p:cNvSpPr txBox="1"/>
          <p:nvPr/>
        </p:nvSpPr>
        <p:spPr>
          <a:xfrm>
            <a:off x="6146472" y="4043603"/>
            <a:ext cx="3342048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Reward:</a:t>
            </a:r>
            <a:r>
              <a:rPr lang="en-GB" sz="1400" dirty="0"/>
              <a:t> Based on consumption, house holdings and disutility from labour hours</a:t>
            </a:r>
            <a:endParaRPr lang="en-DK" sz="1400" dirty="0"/>
          </a:p>
        </p:txBody>
      </p:sp>
      <p:cxnSp>
        <p:nvCxnSpPr>
          <p:cNvPr id="19" name="Lige forbindelse 18">
            <a:extLst>
              <a:ext uri="{FF2B5EF4-FFF2-40B4-BE49-F238E27FC236}">
                <a16:creationId xmlns:a16="http://schemas.microsoft.com/office/drawing/2014/main" id="{03BD5BB5-6AA8-B490-C68C-150FDF1DD8CA}"/>
              </a:ext>
            </a:extLst>
          </p:cNvPr>
          <p:cNvCxnSpPr>
            <a:cxnSpLocks/>
          </p:cNvCxnSpPr>
          <p:nvPr/>
        </p:nvCxnSpPr>
        <p:spPr>
          <a:xfrm>
            <a:off x="9314199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0" name="Lige forbindelse 19">
            <a:extLst>
              <a:ext uri="{FF2B5EF4-FFF2-40B4-BE49-F238E27FC236}">
                <a16:creationId xmlns:a16="http://schemas.microsoft.com/office/drawing/2014/main" id="{0E3B44FD-69A9-2FA8-0242-A79BAD2144FD}"/>
              </a:ext>
            </a:extLst>
          </p:cNvPr>
          <p:cNvCxnSpPr>
            <a:cxnSpLocks/>
          </p:cNvCxnSpPr>
          <p:nvPr/>
        </p:nvCxnSpPr>
        <p:spPr>
          <a:xfrm>
            <a:off x="7181566" y="2060298"/>
            <a:ext cx="2132633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1" name="Lige pilforbindelse 20">
            <a:extLst>
              <a:ext uri="{FF2B5EF4-FFF2-40B4-BE49-F238E27FC236}">
                <a16:creationId xmlns:a16="http://schemas.microsoft.com/office/drawing/2014/main" id="{DEEA4FA1-0D49-1F87-56A4-809B3FA9E6B9}"/>
              </a:ext>
            </a:extLst>
          </p:cNvPr>
          <p:cNvCxnSpPr>
            <a:cxnSpLocks/>
          </p:cNvCxnSpPr>
          <p:nvPr/>
        </p:nvCxnSpPr>
        <p:spPr>
          <a:xfrm flipH="1">
            <a:off x="7837574" y="5417647"/>
            <a:ext cx="1476625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22" name="Tekstfelt 21">
            <a:extLst>
              <a:ext uri="{FF2B5EF4-FFF2-40B4-BE49-F238E27FC236}">
                <a16:creationId xmlns:a16="http://schemas.microsoft.com/office/drawing/2014/main" id="{235E497C-807A-F9BA-7AFA-C3716ECFAE66}"/>
              </a:ext>
            </a:extLst>
          </p:cNvPr>
          <p:cNvSpPr txBox="1"/>
          <p:nvPr/>
        </p:nvSpPr>
        <p:spPr>
          <a:xfrm>
            <a:off x="9398371" y="3154427"/>
            <a:ext cx="2614550" cy="160043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Action:</a:t>
            </a:r>
          </a:p>
          <a:p>
            <a:pPr marL="342900" indent="-342900">
              <a:buAutoNum type="arabicPeriod"/>
            </a:pPr>
            <a:r>
              <a:rPr lang="en-GB" sz="1400" dirty="0"/>
              <a:t>Consumption</a:t>
            </a:r>
          </a:p>
          <a:p>
            <a:pPr marL="342900" indent="-342900">
              <a:buAutoNum type="arabicPeriod"/>
            </a:pPr>
            <a:r>
              <a:rPr lang="en-GB" sz="1400" dirty="0"/>
              <a:t>Labour hours</a:t>
            </a:r>
          </a:p>
          <a:p>
            <a:pPr marL="342900" indent="-342900">
              <a:buAutoNum type="arabicPeriod"/>
            </a:pPr>
            <a:r>
              <a:rPr lang="en-GB" sz="1400" dirty="0"/>
              <a:t>Obtain debt</a:t>
            </a:r>
          </a:p>
          <a:p>
            <a:pPr marL="342900" indent="-342900">
              <a:buAutoNum type="arabicPeriod"/>
            </a:pPr>
            <a:r>
              <a:rPr lang="en-GB" sz="1400" dirty="0"/>
              <a:t>Allocate resources to investments (bonds, equities and housing)</a:t>
            </a:r>
            <a:endParaRPr lang="en-DK" sz="1600" dirty="0"/>
          </a:p>
        </p:txBody>
      </p:sp>
      <p:sp>
        <p:nvSpPr>
          <p:cNvPr id="23" name="Tekstfelt 22">
            <a:extLst>
              <a:ext uri="{FF2B5EF4-FFF2-40B4-BE49-F238E27FC236}">
                <a16:creationId xmlns:a16="http://schemas.microsoft.com/office/drawing/2014/main" id="{42FF8344-D3C8-CD02-3B93-416CE1779266}"/>
              </a:ext>
            </a:extLst>
          </p:cNvPr>
          <p:cNvSpPr txBox="1"/>
          <p:nvPr/>
        </p:nvSpPr>
        <p:spPr>
          <a:xfrm>
            <a:off x="5270885" y="4774141"/>
            <a:ext cx="2105891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Environment</a:t>
            </a:r>
            <a:br>
              <a:rPr lang="en-GB" sz="1400" b="1" dirty="0"/>
            </a:br>
            <a:r>
              <a:rPr lang="en-GB" sz="1400" b="1" dirty="0"/>
              <a:t>Actions and Shocks</a:t>
            </a:r>
            <a:endParaRPr lang="en-DK" b="1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/>
              <p:nvPr/>
            </p:nvSpPr>
            <p:spPr>
              <a:xfrm>
                <a:off x="4715419" y="5245697"/>
                <a:ext cx="3037984" cy="90159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𝜋</m:t>
                              </m:r>
                            </m:e>
                            <m:sub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i="1">
                              <a:latin typeface="Cambria Math" panose="02040503050406030204" pitchFamily="18" charset="0"/>
                            </a:rPr>
                            <m:t>,</m:t>
                          </m:r>
                          <m:sSubSup>
                            <m:sSubSupPr>
                              <m:ctrlPr>
                                <a:rPr lang="da-DK" sz="1400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b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  <m:sup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𝑏</m:t>
                              </m:r>
                            </m:sup>
                          </m:sSubSup>
                          <m:r>
                            <a:rPr lang="da-DK" sz="1400" i="1">
                              <a:latin typeface="Cambria Math" panose="02040503050406030204" pitchFamily="18" charset="0"/>
                            </a:rPr>
                            <m:t>,</m:t>
                          </m:r>
                          <m:sSubSup>
                            <m:sSubSupPr>
                              <m:ctrlPr>
                                <a:rPr lang="da-DK" sz="1400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b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  <m:sup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sup>
                          </m:sSubSup>
                        </m:e>
                      </m:d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=</m:t>
                      </m:r>
                      <m:acc>
                        <m:accPr>
                          <m:chr m:val="̂"/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14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e>
                      </m:acc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𝑎𝑐𝑡𝑖𝑜𝑛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,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𝑠h𝑜𝑐𝑘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400" b="0" dirty="0"/>
              </a:p>
              <a:p>
                <a:r>
                  <a:rPr lang="en-GB" sz="1400" b="0" dirty="0"/>
                  <a:t> </a:t>
                </a:r>
              </a:p>
              <a:p>
                <a:endParaRPr lang="en-DK" sz="1400" dirty="0"/>
              </a:p>
            </p:txBody>
          </p:sp>
        </mc:Choice>
        <mc:Fallback xmlns=""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15419" y="5245697"/>
                <a:ext cx="3037984" cy="901593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6" name="Lige forbindelse 25">
            <a:extLst>
              <a:ext uri="{FF2B5EF4-FFF2-40B4-BE49-F238E27FC236}">
                <a16:creationId xmlns:a16="http://schemas.microsoft.com/office/drawing/2014/main" id="{3FAE3C65-8B87-220F-45EA-1E636613E90C}"/>
              </a:ext>
            </a:extLst>
          </p:cNvPr>
          <p:cNvCxnSpPr>
            <a:cxnSpLocks/>
          </p:cNvCxnSpPr>
          <p:nvPr/>
        </p:nvCxnSpPr>
        <p:spPr>
          <a:xfrm>
            <a:off x="4808101" y="2060298"/>
            <a:ext cx="0" cy="140058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7" name="Lige pilforbindelse 26">
            <a:extLst>
              <a:ext uri="{FF2B5EF4-FFF2-40B4-BE49-F238E27FC236}">
                <a16:creationId xmlns:a16="http://schemas.microsoft.com/office/drawing/2014/main" id="{793D3A9A-A12D-B718-7334-BA04DABCB375}"/>
              </a:ext>
            </a:extLst>
          </p:cNvPr>
          <p:cNvCxnSpPr>
            <a:cxnSpLocks/>
          </p:cNvCxnSpPr>
          <p:nvPr/>
        </p:nvCxnSpPr>
        <p:spPr>
          <a:xfrm>
            <a:off x="4808101" y="3469051"/>
            <a:ext cx="379493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8" name="Lige forbindelse 27">
            <a:extLst>
              <a:ext uri="{FF2B5EF4-FFF2-40B4-BE49-F238E27FC236}">
                <a16:creationId xmlns:a16="http://schemas.microsoft.com/office/drawing/2014/main" id="{23DE37EB-1AB4-0209-088F-C9D0C3D0A5F7}"/>
              </a:ext>
            </a:extLst>
          </p:cNvPr>
          <p:cNvCxnSpPr>
            <a:cxnSpLocks/>
          </p:cNvCxnSpPr>
          <p:nvPr/>
        </p:nvCxnSpPr>
        <p:spPr>
          <a:xfrm>
            <a:off x="7633423" y="2060298"/>
            <a:ext cx="0" cy="1416917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9" name="Lige pilforbindelse 28">
            <a:extLst>
              <a:ext uri="{FF2B5EF4-FFF2-40B4-BE49-F238E27FC236}">
                <a16:creationId xmlns:a16="http://schemas.microsoft.com/office/drawing/2014/main" id="{4120295E-4482-E9CA-47EE-A968FD6939FF}"/>
              </a:ext>
            </a:extLst>
          </p:cNvPr>
          <p:cNvCxnSpPr>
            <a:cxnSpLocks/>
          </p:cNvCxnSpPr>
          <p:nvPr/>
        </p:nvCxnSpPr>
        <p:spPr>
          <a:xfrm flipH="1">
            <a:off x="7264857" y="3469051"/>
            <a:ext cx="368566" cy="816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0" name="Rektangel 29">
            <a:extLst>
              <a:ext uri="{FF2B5EF4-FFF2-40B4-BE49-F238E27FC236}">
                <a16:creationId xmlns:a16="http://schemas.microsoft.com/office/drawing/2014/main" id="{471C0E60-B95C-8F54-1ACE-150F3FB159F6}"/>
              </a:ext>
            </a:extLst>
          </p:cNvPr>
          <p:cNvSpPr/>
          <p:nvPr/>
        </p:nvSpPr>
        <p:spPr>
          <a:xfrm>
            <a:off x="5270885" y="3248677"/>
            <a:ext cx="1910681" cy="502693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400" b="1" dirty="0"/>
              <a:t>Reinforcement Learning</a:t>
            </a:r>
            <a:endParaRPr lang="en-DK" sz="1400" b="1" dirty="0"/>
          </a:p>
        </p:txBody>
      </p:sp>
      <p:cxnSp>
        <p:nvCxnSpPr>
          <p:cNvPr id="31" name="Lige pilforbindelse 30">
            <a:extLst>
              <a:ext uri="{FF2B5EF4-FFF2-40B4-BE49-F238E27FC236}">
                <a16:creationId xmlns:a16="http://schemas.microsoft.com/office/drawing/2014/main" id="{30ED6418-3A87-BBBC-021C-BE056BDD2D72}"/>
              </a:ext>
            </a:extLst>
          </p:cNvPr>
          <p:cNvCxnSpPr>
            <a:cxnSpLocks/>
          </p:cNvCxnSpPr>
          <p:nvPr/>
        </p:nvCxnSpPr>
        <p:spPr>
          <a:xfrm flipV="1">
            <a:off x="6200153" y="2856743"/>
            <a:ext cx="0" cy="39193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3" name="Tekstfelt 32">
            <a:extLst>
              <a:ext uri="{FF2B5EF4-FFF2-40B4-BE49-F238E27FC236}">
                <a16:creationId xmlns:a16="http://schemas.microsoft.com/office/drawing/2014/main" id="{F3B5F6AE-127F-A664-EA98-979BB18D615E}"/>
              </a:ext>
            </a:extLst>
          </p:cNvPr>
          <p:cNvSpPr txBox="1"/>
          <p:nvPr/>
        </p:nvSpPr>
        <p:spPr>
          <a:xfrm>
            <a:off x="6152792" y="2900385"/>
            <a:ext cx="150863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Policy update</a:t>
            </a:r>
            <a:endParaRPr lang="en-DK" sz="1600" b="1" dirty="0"/>
          </a:p>
        </p:txBody>
      </p:sp>
      <p:sp>
        <p:nvSpPr>
          <p:cNvPr id="34" name="Pil: bøjet 33">
            <a:extLst>
              <a:ext uri="{FF2B5EF4-FFF2-40B4-BE49-F238E27FC236}">
                <a16:creationId xmlns:a16="http://schemas.microsoft.com/office/drawing/2014/main" id="{9A12AF3F-C48C-1F82-8135-FD60CF1F2EE4}"/>
              </a:ext>
            </a:extLst>
          </p:cNvPr>
          <p:cNvSpPr/>
          <p:nvPr/>
        </p:nvSpPr>
        <p:spPr>
          <a:xfrm rot="3239975">
            <a:off x="7942902" y="1700250"/>
            <a:ext cx="2361314" cy="1289876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decide</a:t>
            </a:r>
            <a:r>
              <a:rPr lang="da-DK" dirty="0">
                <a:solidFill>
                  <a:schemeClr val="tx1"/>
                </a:solidFill>
              </a:rPr>
              <a:t> actions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5" name="Pil: bøjet 34">
            <a:extLst>
              <a:ext uri="{FF2B5EF4-FFF2-40B4-BE49-F238E27FC236}">
                <a16:creationId xmlns:a16="http://schemas.microsoft.com/office/drawing/2014/main" id="{80795F6D-EA9D-90D6-AF23-FFB3A52AA1D2}"/>
              </a:ext>
            </a:extLst>
          </p:cNvPr>
          <p:cNvSpPr/>
          <p:nvPr/>
        </p:nvSpPr>
        <p:spPr>
          <a:xfrm rot="21014156">
            <a:off x="1725173" y="1885501"/>
            <a:ext cx="2449894" cy="1123055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Observes</a:t>
            </a:r>
            <a:r>
              <a:rPr lang="da-DK" dirty="0">
                <a:solidFill>
                  <a:schemeClr val="tx1"/>
                </a:solidFill>
              </a:rPr>
              <a:t> </a:t>
            </a:r>
            <a:r>
              <a:rPr lang="da-DK" dirty="0" err="1">
                <a:solidFill>
                  <a:schemeClr val="tx1"/>
                </a:solidFill>
              </a:rPr>
              <a:t>state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7" name="Pil: venstre-opadgående 36">
            <a:extLst>
              <a:ext uri="{FF2B5EF4-FFF2-40B4-BE49-F238E27FC236}">
                <a16:creationId xmlns:a16="http://schemas.microsoft.com/office/drawing/2014/main" id="{22C3D752-5A70-A91F-5873-5CC24EBA38BA}"/>
              </a:ext>
            </a:extLst>
          </p:cNvPr>
          <p:cNvSpPr/>
          <p:nvPr/>
        </p:nvSpPr>
        <p:spPr>
          <a:xfrm rot="2526010">
            <a:off x="8880930" y="4637122"/>
            <a:ext cx="1174536" cy="823918"/>
          </a:xfrm>
          <a:prstGeom prst="leftUpArrow">
            <a:avLst/>
          </a:prstGeom>
          <a:solidFill>
            <a:srgbClr val="92D050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endParaRPr lang="en-US" sz="1500" noProof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38" name="Tekstfelt 37">
            <a:extLst>
              <a:ext uri="{FF2B5EF4-FFF2-40B4-BE49-F238E27FC236}">
                <a16:creationId xmlns:a16="http://schemas.microsoft.com/office/drawing/2014/main" id="{729C07A8-7606-ABF5-492A-208EE3AC7A9B}"/>
              </a:ext>
            </a:extLst>
          </p:cNvPr>
          <p:cNvSpPr txBox="1"/>
          <p:nvPr/>
        </p:nvSpPr>
        <p:spPr>
          <a:xfrm>
            <a:off x="8752875" y="5523902"/>
            <a:ext cx="261455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Agent </a:t>
            </a:r>
            <a:r>
              <a:rPr lang="da-DK" dirty="0" err="1"/>
              <a:t>recieves</a:t>
            </a:r>
            <a:r>
              <a:rPr lang="da-DK" dirty="0"/>
              <a:t> </a:t>
            </a:r>
            <a:r>
              <a:rPr lang="da-DK" dirty="0" err="1"/>
              <a:t>reward</a:t>
            </a:r>
            <a:r>
              <a:rPr lang="da-DK" dirty="0"/>
              <a:t> from actions</a:t>
            </a:r>
            <a:endParaRPr lang="en-DK" dirty="0"/>
          </a:p>
        </p:txBody>
      </p:sp>
    </p:spTree>
    <p:extLst>
      <p:ext uri="{BB962C8B-B14F-4D97-AF65-F5344CB8AC3E}">
        <p14:creationId xmlns:p14="http://schemas.microsoft.com/office/powerpoint/2010/main" val="28575574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9EA74A8-0F52-769F-7C85-033E2504AFA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5C96B13-61D6-CA38-C296-75DDB00BF3B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Algorithms: Backpropagation Updating Network Parameter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D643AFD-FA14-87E3-0AF5-D676DB094D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3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76AFFE60-5B07-1E19-B11B-3ABE4DD0DD9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6000" y="1333361"/>
            <a:ext cx="4734586" cy="4553585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DE200C77-0C4F-CBE4-A7F0-8B90014BA84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7550" y="2414446"/>
            <a:ext cx="4525006" cy="20291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558332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946783C-7FCB-759F-9E6A-D68E79236E0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FE3C4DD-CE4C-8DA6-B945-DF1BDC251A6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Algorithms: </a:t>
            </a:r>
            <a:r>
              <a:rPr lang="en-GB" dirty="0" err="1"/>
              <a:t>DeepSimulate</a:t>
            </a:r>
            <a:r>
              <a:rPr lang="en-GB" dirty="0"/>
              <a:t> &amp; </a:t>
            </a:r>
            <a:r>
              <a:rPr lang="en-GB" dirty="0" err="1"/>
              <a:t>DeepVPD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A56B149-86B4-4822-99F6-38F0C4787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4</a:t>
            </a:fld>
            <a:endParaRPr lang="en-GB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C1D1F038-EC8B-9156-3EDD-F9F134BFA28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75098" y="1604707"/>
            <a:ext cx="4848902" cy="3648584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C8B1B4BF-6110-CFC4-8AAC-5280671B282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71693" y="204786"/>
            <a:ext cx="3988183" cy="64484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50778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97EC849-9DC6-09F5-4F4D-80EF9B627A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D8E461-D684-CA08-4734-C0390B9F9D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sults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293B630-B9DF-B4F6-88AF-5CF41B66B4A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6EE6041-7EC4-44BE-3C25-AFBFF975B68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321907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45E0FD-665A-CE7C-AE53-58F5CBA3BD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92B525F-D390-7AD9-49B2-938EE60F89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Performance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8353747-590E-27A0-2173-5B30F3B38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6</a:t>
            </a:fld>
            <a:endParaRPr lang="en-GB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DD7466E0-E704-9328-FE2A-4277A23F3D5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4798" y="1409353"/>
            <a:ext cx="4216358" cy="4039292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531A5942-42E4-FC69-B41D-170E36C902E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472886" y="1604858"/>
            <a:ext cx="7460270" cy="36482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392776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25FFDF-8BC0-86F8-478E-DB782046BBC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22E70BD-5BEC-774E-A077-E36F1EFFC5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dirty="0"/>
              <a:t>Outcomes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6B44147-6DC4-B993-70BA-76E182A529B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7</a:t>
            </a:fld>
            <a:endParaRPr lang="en-GB"/>
          </a:p>
        </p:txBody>
      </p:sp>
      <p:pic>
        <p:nvPicPr>
          <p:cNvPr id="5" name="Billede 4" descr="Et billede, der indeholder diagram, tekst, Kurve, linje/række&#10;&#10;Indhold genereret af kunstig intelligens kan være forkert.">
            <a:extLst>
              <a:ext uri="{FF2B5EF4-FFF2-40B4-BE49-F238E27FC236}">
                <a16:creationId xmlns:a16="http://schemas.microsoft.com/office/drawing/2014/main" id="{500D8262-7AE6-E29F-6CBB-109EFE13247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2421" y="1599860"/>
            <a:ext cx="9836989" cy="4330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39211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7A3F3F-343C-9B3E-0793-E361BFDC65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697F5D1-1406-4D7E-74ED-4CC72529FA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/>
              <a:t>States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C6D6840-8338-6C3A-1EB5-1621182F1A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8</a:t>
            </a:fld>
            <a:endParaRPr lang="en-GB"/>
          </a:p>
        </p:txBody>
      </p:sp>
      <p:pic>
        <p:nvPicPr>
          <p:cNvPr id="6" name="Billede 5" descr="Et billede, der indeholder Kurve, diagram, tekst, linje/række&#10;&#10;Indhold genereret af kunstig intelligens kan være forkert.">
            <a:extLst>
              <a:ext uri="{FF2B5EF4-FFF2-40B4-BE49-F238E27FC236}">
                <a16:creationId xmlns:a16="http://schemas.microsoft.com/office/drawing/2014/main" id="{5D0E2059-849F-B2DB-4024-EF382E3F2F7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28010" y="1453012"/>
            <a:ext cx="9484741" cy="3951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7673372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D7D7096-5801-CFE4-A721-8AACBCEC43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3F9124C-5C46-D8EA-92A6-9939A1740F8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8" y="290513"/>
            <a:ext cx="10630711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/>
              <a:t>States - Impatient vs. Patient Households</a:t>
            </a:r>
            <a:endParaRPr lang="en-GB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01357C6-7CA5-8342-1B23-B4FFE63FE61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9</a:t>
            </a:fld>
            <a:endParaRPr lang="en-GB"/>
          </a:p>
        </p:txBody>
      </p:sp>
      <p:pic>
        <p:nvPicPr>
          <p:cNvPr id="8" name="Billede 7" descr="Et billede, der indeholder tekst, diagram, linje/række, Kurve&#10;&#10;Indhold genereret af kunstig intelligens kan være forkert.">
            <a:extLst>
              <a:ext uri="{FF2B5EF4-FFF2-40B4-BE49-F238E27FC236}">
                <a16:creationId xmlns:a16="http://schemas.microsoft.com/office/drawing/2014/main" id="{379BEF52-B84D-6F9C-19D2-6D2AA059906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15942" y="1420125"/>
            <a:ext cx="7794857" cy="43846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5880461"/>
      </p:ext>
    </p:extLst>
  </p:cSld>
  <p:clrMapOvr>
    <a:masterClrMapping/>
  </p:clrMapOvr>
</p:sld>
</file>

<file path=ppt/theme/theme1.xml><?xml version="1.0" encoding="utf-8"?>
<a:theme xmlns:a="http://schemas.openxmlformats.org/drawingml/2006/main" name="Danmarks Nationalbank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lIns="108000" tIns="108000" rIns="108000" bIns="108000" rtlCol="0" anchor="ctr"/>
      <a:lstStyle>
        <a:defPPr algn="ctr">
          <a:defRPr sz="1500" noProof="0" dirty="0" err="1" smtClean="0">
            <a:solidFill>
              <a:schemeClr val="bg1"/>
            </a:solidFill>
            <a:latin typeface="+mn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000" dirty="0"/>
        </a:defPPr>
      </a:lstStyle>
    </a:txDef>
  </a:objectDefaults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BaseTemplate 16-9 DK TAW-MTC.potx" id="{E2CFA5DB-BC2F-4068-9FA9-16D27BA09D41}" vid="{18A5D593-3F51-447C-81EF-58CBA1D0D7DC}"/>
    </a:ext>
  </a:extLst>
</a:theme>
</file>

<file path=ppt/theme/theme2.xml><?xml version="1.0" encoding="utf-8"?>
<a:theme xmlns:a="http://schemas.openxmlformats.org/drawingml/2006/main" name="Office-tema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helpTexts":{},"spacing":{},"shareValue":false,"type":"datePicker","name":"Date","label":"Date"}],"formDataEntries":[{"name":"Date","value":"8wUdYmbHjM4l3jAPgqS3nQ=="}]}]]></TemplafyFormConfiguration>
</file>

<file path=customXml/item2.xml><?xml version="1.0" encoding="utf-8"?>
<TemplafyTemplateConfiguration><![CDATA[{"elementsMetadata":[{"type":"shape","id":"0e2e5a9b-d7e8-4464-9c53-ee15333de781","elementConfiguration":{"binding":"{{FormatDateTime(Form.Date,Translate(\"DateGeneral\"),DocumentLanguage)}}","visibility":"","type":"text","disableUpdates":false}},{"type":"shape","id":"0db91bea-2f63-48b2-9d5f-265510750755","elementConfiguration":{"binding":"{{FormatDateTime(Form.Date,Translate(\"DateGeneral\"),DocumentLanguage)}}","visibility":"","type":"text","disableUpdates":false}},{"type":"shape","id":"38274079-d70e-45f8-accc-2fa639e2ba3f","elementConfiguration":{"binding":"{{FormatDateTime(Form.Date,Translate(\"DateGeneral\"),DocumentLanguage)}}","visibility":"","type":"text","disableUpdates":false}},{"type":"shape","id":"956dff95-a77e-4444-9a30-395a79deed2c","elementConfiguration":{"binding":"{{FormatDateTime(Form.Date,Translate(\"DateGeneral\"),DocumentLanguage)}}","visibility":"","type":"text","disableUpdates":false}},{"type":"shape","id":"ee9b3fc6-4a26-4545-b1eb-16ff1df59c4c","elementConfiguration":{"binding":"{{FormatDateTime(Form.Date,Translate(\"DateGeneral\"),DocumentLanguage)}}","visibility":"","type":"text","disableUpdates":false}},{"type":"shape","id":"d96b8afa-50bc-4342-8bb2-986c92fc07cf","elementConfiguration":{"binding":"{{FormatDateTime(Form.Date,Translate(\"DateGeneral\"),DocumentLanguage)}}","visibility":"","type":"text","disableUpdates":false}},{"type":"shape","id":"4633830a-fb84-44a5-a0df-73526a9e940b","elementConfiguration":{"binding":"{{FormatDateTime(Form.Date,Translate(\"DateGeneral\"),DocumentLanguage)}}","visibility":"","type":"text","disableUpdates":false}},{"type":"shape","id":"58858913-8293-4a35-9f2e-d140dd51e076","elementConfiguration":{"binding":"{{FormatDateTime(Form.Date,Translate(\"DateGeneral\"),DocumentLanguage)}}","visibility":"","type":"text","disableUpdates":false}},{"type":"shape","id":"b17a1e4b-d40c-4770-afd5-713e4a4630ce","elementConfiguration":{"binding":"{{FormatDateTime(Form.Date,Translate(\"DateGeneral\"),DocumentLanguage)}}","visibility":"","type":"text","disableUpdates":false}}],"transformationConfigurations":[{"language":"{{DocumentLanguage}}","disableUpdates":false,"type":"proofingLanguage"}],"templateName":"Blank_præsentation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B4589A9E-E29E-440F-BA26-B0C9BFB8BB70}">
  <ds:schemaRefs/>
</ds:datastoreItem>
</file>

<file path=customXml/itemProps2.xml><?xml version="1.0" encoding="utf-8"?>
<ds:datastoreItem xmlns:ds="http://schemas.openxmlformats.org/officeDocument/2006/customXml" ds:itemID="{CE8CC1C0-FE44-49CF-B6C7-190E223374E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378</Words>
  <Application>Microsoft Office PowerPoint</Application>
  <PresentationFormat>Widescreen</PresentationFormat>
  <Paragraphs>65</Paragraphs>
  <Slides>20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0</vt:i4>
      </vt:variant>
    </vt:vector>
  </HeadingPairs>
  <TitlesOfParts>
    <vt:vector size="24" baseType="lpstr">
      <vt:lpstr>Nationalbank</vt:lpstr>
      <vt:lpstr>Cambria Math</vt:lpstr>
      <vt:lpstr>Arial</vt:lpstr>
      <vt:lpstr>Danmarks Nationalbank</vt:lpstr>
      <vt:lpstr>Monetary Policy and the Distribution of Wealth and Income: A Deep Learning Approach</vt:lpstr>
      <vt:lpstr>The Bellman Equation</vt:lpstr>
      <vt:lpstr>Algorithms: Backpropagation Updating Network Parameters</vt:lpstr>
      <vt:lpstr>Algorithms: DeepSimulate &amp; DeepVPD</vt:lpstr>
      <vt:lpstr>Results</vt:lpstr>
      <vt:lpstr>Performance - Impatient vs. Patient Households</vt:lpstr>
      <vt:lpstr>Outcomes - Impatient vs. Patient Households</vt:lpstr>
      <vt:lpstr>States - Impatient vs. Patient Households</vt:lpstr>
      <vt:lpstr>States - Impatient vs. Patient Households</vt:lpstr>
      <vt:lpstr>Wealth Distribution - Impatient vs. Patient Households</vt:lpstr>
      <vt:lpstr>Income Distribution - Impatient vs. Patient Households</vt:lpstr>
      <vt:lpstr>Results - Extending</vt:lpstr>
      <vt:lpstr>Expanding &amp; Experimenting – States</vt:lpstr>
      <vt:lpstr>Expanding &amp; Experimenting – Distributional Impact on Wealth</vt:lpstr>
      <vt:lpstr>Expanding &amp; Experimenting – Distributional Impact on Income</vt:lpstr>
      <vt:lpstr>Expanding &amp; Experimenting – Wealth Inequality</vt:lpstr>
      <vt:lpstr>Appendix</vt:lpstr>
      <vt:lpstr>Deep Reinforcement Learning (DRL): A simple case</vt:lpstr>
      <vt:lpstr>Deep Reinforcement Learning (DRL): A simple case</vt:lpstr>
      <vt:lpstr>Connecting DRL to Economics (and the RQ)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11-26T13:32:55Z</dcterms:created>
  <dcterms:modified xsi:type="dcterms:W3CDTF">2025-04-27T19:01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3-08-15T11:05:45</vt:lpwstr>
  </property>
  <property fmtid="{D5CDD505-2E9C-101B-9397-08002B2CF9AE}" pid="4" name="TemplafyTenantId">
    <vt:lpwstr>dntemp</vt:lpwstr>
  </property>
  <property fmtid="{D5CDD505-2E9C-101B-9397-08002B2CF9AE}" pid="5" name="TemplafyTemplateId">
    <vt:lpwstr>709857952978174996</vt:lpwstr>
  </property>
  <property fmtid="{D5CDD505-2E9C-101B-9397-08002B2CF9AE}" pid="6" name="TemplafyUserProfileId">
    <vt:lpwstr>835843809963409737</vt:lpwstr>
  </property>
  <property fmtid="{D5CDD505-2E9C-101B-9397-08002B2CF9AE}" pid="7" name="TemplafyLanguageCode">
    <vt:lpwstr>en-GB</vt:lpwstr>
  </property>
  <property fmtid="{D5CDD505-2E9C-101B-9397-08002B2CF9AE}" pid="8" name="TemplafyFromBlank">
    <vt:bool>true</vt:bool>
  </property>
</Properties>
</file>